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80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56924\Documents\SP\In-house science case\Refinery\"/>
    </mc:Choice>
  </mc:AlternateContent>
  <xr:revisionPtr revIDLastSave="0" documentId="8_{072B49F0-F4F3-4F47-B4D7-7D6D1CD0E215}" xr6:coauthVersionLast="46" xr6:coauthVersionMax="46" xr10:uidLastSave="{00000000-0000-0000-0000-000000000000}"/>
  <bookViews>
    <workbookView xWindow="-110" yWindow="-110" windowWidth="19420" windowHeight="10420" xr2:uid="{00000000-000D-0000-FFFF-FFFF00000000}"/>
  </bookViews>
  <sheets>
    <sheet name="Contracts data" sheetId="1" r:id="rId1"/>
    <sheet name="Columns" sheetId="2" r:id="rId2"/>
  </sheets>
  <calcPr calcId="124519"/>
</workbook>
</file>

<file path=xl/sharedStrings.xml><?xml version="1.0" encoding="utf-8"?>
<sst xmlns="http://schemas.openxmlformats.org/spreadsheetml/2006/main" count="1609583" uniqueCount="3778">
  <si>
    <t>booking to delivery date</t>
  </si>
  <si>
    <t>unit price($000)</t>
  </si>
  <si>
    <t>type of sale</t>
  </si>
  <si>
    <t>date of sale</t>
  </si>
  <si>
    <t>mode of transport</t>
  </si>
  <si>
    <t>no of units</t>
  </si>
  <si>
    <t>cust_group_name</t>
  </si>
  <si>
    <t>cust_segment_name</t>
  </si>
  <si>
    <t>Customer Id</t>
  </si>
  <si>
    <t>delivery_month_from</t>
  </si>
  <si>
    <t>delivery_month_to</t>
  </si>
  <si>
    <t>type</t>
  </si>
  <si>
    <t>item_class_l1</t>
  </si>
  <si>
    <t>item_class_l2</t>
  </si>
  <si>
    <t>item_class_l3</t>
  </si>
  <si>
    <t>colour</t>
  </si>
  <si>
    <t>plant_nr</t>
  </si>
  <si>
    <t>plant_city</t>
  </si>
  <si>
    <t>plant_country_name</t>
  </si>
  <si>
    <t>most expensive part_l1</t>
  </si>
  <si>
    <t>most expensive part_l2</t>
  </si>
  <si>
    <t>shipto_city</t>
  </si>
  <si>
    <t>shipto_nr</t>
  </si>
  <si>
    <t>soldto_city</t>
  </si>
  <si>
    <t>soldto_nr</t>
  </si>
  <si>
    <t>car_nr</t>
  </si>
  <si>
    <t>shipto_country</t>
  </si>
  <si>
    <t>soldto_country</t>
  </si>
  <si>
    <t>long</t>
  </si>
  <si>
    <t>medium</t>
  </si>
  <si>
    <t>immediate</t>
  </si>
  <si>
    <t>short</t>
  </si>
  <si>
    <t>retail</t>
  </si>
  <si>
    <t>wholesale</t>
  </si>
  <si>
    <t>Truck</t>
  </si>
  <si>
    <t>Container</t>
  </si>
  <si>
    <t>Barge</t>
  </si>
  <si>
    <t>Other</t>
  </si>
  <si>
    <t>Seavessel</t>
  </si>
  <si>
    <t>aa</t>
  </si>
  <si>
    <t>ab</t>
  </si>
  <si>
    <t>ac</t>
  </si>
  <si>
    <t>ad</t>
  </si>
  <si>
    <t>ae</t>
  </si>
  <si>
    <t>af</t>
  </si>
  <si>
    <t>ag</t>
  </si>
  <si>
    <t>ah</t>
  </si>
  <si>
    <t>ai</t>
  </si>
  <si>
    <t>aj</t>
  </si>
  <si>
    <t>ak</t>
  </si>
  <si>
    <t>al</t>
  </si>
  <si>
    <t>am</t>
  </si>
  <si>
    <t>an</t>
  </si>
  <si>
    <t>ao</t>
  </si>
  <si>
    <t>ap</t>
  </si>
  <si>
    <t>aq</t>
  </si>
  <si>
    <t>ar</t>
  </si>
  <si>
    <t>as</t>
  </si>
  <si>
    <t>at</t>
  </si>
  <si>
    <t>au</t>
  </si>
  <si>
    <t>av</t>
  </si>
  <si>
    <t>aw</t>
  </si>
  <si>
    <t>ax</t>
  </si>
  <si>
    <t>ay</t>
  </si>
  <si>
    <t>az</t>
  </si>
  <si>
    <t>ba</t>
  </si>
  <si>
    <t>bb</t>
  </si>
  <si>
    <t>bc</t>
  </si>
  <si>
    <t>bd</t>
  </si>
  <si>
    <t>be</t>
  </si>
  <si>
    <t>bf</t>
  </si>
  <si>
    <t>bg</t>
  </si>
  <si>
    <t>bh</t>
  </si>
  <si>
    <t>bi</t>
  </si>
  <si>
    <t>bj</t>
  </si>
  <si>
    <t>bk</t>
  </si>
  <si>
    <t>bl</t>
  </si>
  <si>
    <t>bm</t>
  </si>
  <si>
    <t>bn</t>
  </si>
  <si>
    <t>bo</t>
  </si>
  <si>
    <t>bp</t>
  </si>
  <si>
    <t>bq</t>
  </si>
  <si>
    <t>br</t>
  </si>
  <si>
    <t>bs</t>
  </si>
  <si>
    <t>bt</t>
  </si>
  <si>
    <t>bu</t>
  </si>
  <si>
    <t>bv</t>
  </si>
  <si>
    <t>bw</t>
  </si>
  <si>
    <t>bx</t>
  </si>
  <si>
    <t>by</t>
  </si>
  <si>
    <t>bz</t>
  </si>
  <si>
    <t>ca</t>
  </si>
  <si>
    <t>cb</t>
  </si>
  <si>
    <t>cc</t>
  </si>
  <si>
    <t>cd</t>
  </si>
  <si>
    <t>ce</t>
  </si>
  <si>
    <t>cf</t>
  </si>
  <si>
    <t>cg</t>
  </si>
  <si>
    <t>ch</t>
  </si>
  <si>
    <t>ci</t>
  </si>
  <si>
    <t>cj</t>
  </si>
  <si>
    <t>ck</t>
  </si>
  <si>
    <t>cl</t>
  </si>
  <si>
    <t>cm</t>
  </si>
  <si>
    <t>cn</t>
  </si>
  <si>
    <t>co</t>
  </si>
  <si>
    <t>cp</t>
  </si>
  <si>
    <t>cq</t>
  </si>
  <si>
    <t>cr</t>
  </si>
  <si>
    <t>cs</t>
  </si>
  <si>
    <t>ct</t>
  </si>
  <si>
    <t>cu</t>
  </si>
  <si>
    <t>cv</t>
  </si>
  <si>
    <t>cw</t>
  </si>
  <si>
    <t>cx</t>
  </si>
  <si>
    <t>cy</t>
  </si>
  <si>
    <t>cz</t>
  </si>
  <si>
    <t>da</t>
  </si>
  <si>
    <t>db</t>
  </si>
  <si>
    <t>dc</t>
  </si>
  <si>
    <t>dd</t>
  </si>
  <si>
    <t>de</t>
  </si>
  <si>
    <t>df</t>
  </si>
  <si>
    <t>dg</t>
  </si>
  <si>
    <t>dh</t>
  </si>
  <si>
    <t>di</t>
  </si>
  <si>
    <t>dj</t>
  </si>
  <si>
    <t>dk</t>
  </si>
  <si>
    <t>dl</t>
  </si>
  <si>
    <t>dm</t>
  </si>
  <si>
    <t>dn</t>
  </si>
  <si>
    <t>do</t>
  </si>
  <si>
    <t>dp</t>
  </si>
  <si>
    <t>dq</t>
  </si>
  <si>
    <t>dr</t>
  </si>
  <si>
    <t>ds</t>
  </si>
  <si>
    <t>dt</t>
  </si>
  <si>
    <t>du</t>
  </si>
  <si>
    <t>dv</t>
  </si>
  <si>
    <t>dw</t>
  </si>
  <si>
    <t>dx</t>
  </si>
  <si>
    <t>dy</t>
  </si>
  <si>
    <t>dz</t>
  </si>
  <si>
    <t>ea</t>
  </si>
  <si>
    <t>eb</t>
  </si>
  <si>
    <t>ec</t>
  </si>
  <si>
    <t>ed</t>
  </si>
  <si>
    <t>ee</t>
  </si>
  <si>
    <t>ef</t>
  </si>
  <si>
    <t>eg</t>
  </si>
  <si>
    <t>eh</t>
  </si>
  <si>
    <t>ei</t>
  </si>
  <si>
    <t>ej</t>
  </si>
  <si>
    <t>ek</t>
  </si>
  <si>
    <t>el</t>
  </si>
  <si>
    <t>em</t>
  </si>
  <si>
    <t>en</t>
  </si>
  <si>
    <t>eo</t>
  </si>
  <si>
    <t>ep</t>
  </si>
  <si>
    <t>eq</t>
  </si>
  <si>
    <t>er</t>
  </si>
  <si>
    <t>es</t>
  </si>
  <si>
    <t>et</t>
  </si>
  <si>
    <t>eu</t>
  </si>
  <si>
    <t>ev</t>
  </si>
  <si>
    <t>ew</t>
  </si>
  <si>
    <t>ex</t>
  </si>
  <si>
    <t>ey</t>
  </si>
  <si>
    <t>ez</t>
  </si>
  <si>
    <t>fa</t>
  </si>
  <si>
    <t>fb</t>
  </si>
  <si>
    <t>fc</t>
  </si>
  <si>
    <t>fd</t>
  </si>
  <si>
    <t>fe</t>
  </si>
  <si>
    <t>ff</t>
  </si>
  <si>
    <t>fg</t>
  </si>
  <si>
    <t>fh</t>
  </si>
  <si>
    <t>fi</t>
  </si>
  <si>
    <t>fj</t>
  </si>
  <si>
    <t>fk</t>
  </si>
  <si>
    <t>fl</t>
  </si>
  <si>
    <t>fm</t>
  </si>
  <si>
    <t>fn</t>
  </si>
  <si>
    <t>fo</t>
  </si>
  <si>
    <t>fp</t>
  </si>
  <si>
    <t>fq</t>
  </si>
  <si>
    <t>fr</t>
  </si>
  <si>
    <t>fs</t>
  </si>
  <si>
    <t>ft</t>
  </si>
  <si>
    <t>fu</t>
  </si>
  <si>
    <t>fv</t>
  </si>
  <si>
    <t>fw</t>
  </si>
  <si>
    <t>fx</t>
  </si>
  <si>
    <t>fy</t>
  </si>
  <si>
    <t>fz</t>
  </si>
  <si>
    <t>ga</t>
  </si>
  <si>
    <t>gb</t>
  </si>
  <si>
    <t>gc</t>
  </si>
  <si>
    <t>gd</t>
  </si>
  <si>
    <t>ge</t>
  </si>
  <si>
    <t>gf</t>
  </si>
  <si>
    <t>gg</t>
  </si>
  <si>
    <t>gh</t>
  </si>
  <si>
    <t>gi</t>
  </si>
  <si>
    <t>gj</t>
  </si>
  <si>
    <t>gk</t>
  </si>
  <si>
    <t>gl</t>
  </si>
  <si>
    <t>gm</t>
  </si>
  <si>
    <t>gn</t>
  </si>
  <si>
    <t>go</t>
  </si>
  <si>
    <t>gp</t>
  </si>
  <si>
    <t>gq</t>
  </si>
  <si>
    <t>gr</t>
  </si>
  <si>
    <t>gs</t>
  </si>
  <si>
    <t>gt</t>
  </si>
  <si>
    <t>gu</t>
  </si>
  <si>
    <t>gv</t>
  </si>
  <si>
    <t>gw</t>
  </si>
  <si>
    <t>gx</t>
  </si>
  <si>
    <t>gy</t>
  </si>
  <si>
    <t>gz</t>
  </si>
  <si>
    <t>ha</t>
  </si>
  <si>
    <t>hb</t>
  </si>
  <si>
    <t>hc</t>
  </si>
  <si>
    <t>hd</t>
  </si>
  <si>
    <t>he</t>
  </si>
  <si>
    <t>hf</t>
  </si>
  <si>
    <t>hg</t>
  </si>
  <si>
    <t>hh</t>
  </si>
  <si>
    <t>hi</t>
  </si>
  <si>
    <t>hj</t>
  </si>
  <si>
    <t>hk</t>
  </si>
  <si>
    <t>hl</t>
  </si>
  <si>
    <t>hm</t>
  </si>
  <si>
    <t>hn</t>
  </si>
  <si>
    <t>ho</t>
  </si>
  <si>
    <t>hp</t>
  </si>
  <si>
    <t>hq</t>
  </si>
  <si>
    <t>hr</t>
  </si>
  <si>
    <t>hs</t>
  </si>
  <si>
    <t>ht</t>
  </si>
  <si>
    <t>hu</t>
  </si>
  <si>
    <t>hv</t>
  </si>
  <si>
    <t>hw</t>
  </si>
  <si>
    <t>hx</t>
  </si>
  <si>
    <t>hy</t>
  </si>
  <si>
    <t>hz</t>
  </si>
  <si>
    <t>ia</t>
  </si>
  <si>
    <t>ib</t>
  </si>
  <si>
    <t>ic</t>
  </si>
  <si>
    <t>id</t>
  </si>
  <si>
    <t>ie</t>
  </si>
  <si>
    <t>if</t>
  </si>
  <si>
    <t>ig</t>
  </si>
  <si>
    <t>ih</t>
  </si>
  <si>
    <t>ii</t>
  </si>
  <si>
    <t>ij</t>
  </si>
  <si>
    <t>ik</t>
  </si>
  <si>
    <t>il</t>
  </si>
  <si>
    <t>im</t>
  </si>
  <si>
    <t>in</t>
  </si>
  <si>
    <t>io</t>
  </si>
  <si>
    <t>ip</t>
  </si>
  <si>
    <t>iq</t>
  </si>
  <si>
    <t>ir</t>
  </si>
  <si>
    <t>is</t>
  </si>
  <si>
    <t>it</t>
  </si>
  <si>
    <t>iu</t>
  </si>
  <si>
    <t>iv</t>
  </si>
  <si>
    <t>iw</t>
  </si>
  <si>
    <t>ix</t>
  </si>
  <si>
    <t>iy</t>
  </si>
  <si>
    <t>iz</t>
  </si>
  <si>
    <t>ja</t>
  </si>
  <si>
    <t>jb</t>
  </si>
  <si>
    <t>jc</t>
  </si>
  <si>
    <t>jd</t>
  </si>
  <si>
    <t>je</t>
  </si>
  <si>
    <t>jf</t>
  </si>
  <si>
    <t>jg</t>
  </si>
  <si>
    <t>jh</t>
  </si>
  <si>
    <t>ji</t>
  </si>
  <si>
    <t>jj</t>
  </si>
  <si>
    <t>jk</t>
  </si>
  <si>
    <t>jl</t>
  </si>
  <si>
    <t>jm</t>
  </si>
  <si>
    <t>jn</t>
  </si>
  <si>
    <t>jo</t>
  </si>
  <si>
    <t>jp</t>
  </si>
  <si>
    <t>jq</t>
  </si>
  <si>
    <t>jr</t>
  </si>
  <si>
    <t>js</t>
  </si>
  <si>
    <t>jt</t>
  </si>
  <si>
    <t>ju</t>
  </si>
  <si>
    <t>jv</t>
  </si>
  <si>
    <t>jw</t>
  </si>
  <si>
    <t>jx</t>
  </si>
  <si>
    <t>jy</t>
  </si>
  <si>
    <t>jz</t>
  </si>
  <si>
    <t>ka</t>
  </si>
  <si>
    <t>kb</t>
  </si>
  <si>
    <t>kc</t>
  </si>
  <si>
    <t>kd</t>
  </si>
  <si>
    <t>ke</t>
  </si>
  <si>
    <t>kf</t>
  </si>
  <si>
    <t>kg</t>
  </si>
  <si>
    <t>kh</t>
  </si>
  <si>
    <t>ki</t>
  </si>
  <si>
    <t>kj</t>
  </si>
  <si>
    <t>kk</t>
  </si>
  <si>
    <t>kl</t>
  </si>
  <si>
    <t>km</t>
  </si>
  <si>
    <t>kn</t>
  </si>
  <si>
    <t>ko</t>
  </si>
  <si>
    <t>kp</t>
  </si>
  <si>
    <t>kq</t>
  </si>
  <si>
    <t>kr</t>
  </si>
  <si>
    <t>ks</t>
  </si>
  <si>
    <t>kt</t>
  </si>
  <si>
    <t>ku</t>
  </si>
  <si>
    <t>kv</t>
  </si>
  <si>
    <t>kw</t>
  </si>
  <si>
    <t>kx</t>
  </si>
  <si>
    <t>ky</t>
  </si>
  <si>
    <t>kz</t>
  </si>
  <si>
    <t>la</t>
  </si>
  <si>
    <t>lb</t>
  </si>
  <si>
    <t>lc</t>
  </si>
  <si>
    <t>ld</t>
  </si>
  <si>
    <t>le</t>
  </si>
  <si>
    <t>lf</t>
  </si>
  <si>
    <t>lg</t>
  </si>
  <si>
    <t>lh</t>
  </si>
  <si>
    <t>li</t>
  </si>
  <si>
    <t>lj</t>
  </si>
  <si>
    <t>lk</t>
  </si>
  <si>
    <t>ll</t>
  </si>
  <si>
    <t>lm</t>
  </si>
  <si>
    <t>ln</t>
  </si>
  <si>
    <t>lo</t>
  </si>
  <si>
    <t>lp</t>
  </si>
  <si>
    <t>lq</t>
  </si>
  <si>
    <t>lr</t>
  </si>
  <si>
    <t>ls</t>
  </si>
  <si>
    <t>lt</t>
  </si>
  <si>
    <t>lu</t>
  </si>
  <si>
    <t>lv</t>
  </si>
  <si>
    <t>lw</t>
  </si>
  <si>
    <t>lx</t>
  </si>
  <si>
    <t>ly</t>
  </si>
  <si>
    <t>lz</t>
  </si>
  <si>
    <t>ma</t>
  </si>
  <si>
    <t>mb</t>
  </si>
  <si>
    <t>mc</t>
  </si>
  <si>
    <t>md</t>
  </si>
  <si>
    <t>me</t>
  </si>
  <si>
    <t>mf</t>
  </si>
  <si>
    <t>mg</t>
  </si>
  <si>
    <t>mh</t>
  </si>
  <si>
    <t>mi</t>
  </si>
  <si>
    <t>mj</t>
  </si>
  <si>
    <t>mk</t>
  </si>
  <si>
    <t>ml</t>
  </si>
  <si>
    <t>mm</t>
  </si>
  <si>
    <t>mn</t>
  </si>
  <si>
    <t>mo</t>
  </si>
  <si>
    <t>mp</t>
  </si>
  <si>
    <t>mq</t>
  </si>
  <si>
    <t>mr</t>
  </si>
  <si>
    <t>ms</t>
  </si>
  <si>
    <t>mt</t>
  </si>
  <si>
    <t>mu</t>
  </si>
  <si>
    <t>mv</t>
  </si>
  <si>
    <t>mw</t>
  </si>
  <si>
    <t>mx</t>
  </si>
  <si>
    <t>my</t>
  </si>
  <si>
    <t>mz</t>
  </si>
  <si>
    <t>na</t>
  </si>
  <si>
    <t>nb</t>
  </si>
  <si>
    <t>nc</t>
  </si>
  <si>
    <t>nd</t>
  </si>
  <si>
    <t>ne</t>
  </si>
  <si>
    <t>nf</t>
  </si>
  <si>
    <t>ng</t>
  </si>
  <si>
    <t>nh</t>
  </si>
  <si>
    <t>ni</t>
  </si>
  <si>
    <t>nj</t>
  </si>
  <si>
    <t>nk</t>
  </si>
  <si>
    <t>nl</t>
  </si>
  <si>
    <t>nm</t>
  </si>
  <si>
    <t>nn</t>
  </si>
  <si>
    <t>no</t>
  </si>
  <si>
    <t>np</t>
  </si>
  <si>
    <t>nq</t>
  </si>
  <si>
    <t>nr</t>
  </si>
  <si>
    <t>ns</t>
  </si>
  <si>
    <t>nt</t>
  </si>
  <si>
    <t>nu</t>
  </si>
  <si>
    <t>nv</t>
  </si>
  <si>
    <t>nw</t>
  </si>
  <si>
    <t>nx</t>
  </si>
  <si>
    <t>ny</t>
  </si>
  <si>
    <t>nz</t>
  </si>
  <si>
    <t>oa</t>
  </si>
  <si>
    <t>ob</t>
  </si>
  <si>
    <t>oc</t>
  </si>
  <si>
    <t>od</t>
  </si>
  <si>
    <t>oe</t>
  </si>
  <si>
    <t>of</t>
  </si>
  <si>
    <t>og</t>
  </si>
  <si>
    <t>oh</t>
  </si>
  <si>
    <t>oi</t>
  </si>
  <si>
    <t>oj</t>
  </si>
  <si>
    <t>ok</t>
  </si>
  <si>
    <t>ol</t>
  </si>
  <si>
    <t>om</t>
  </si>
  <si>
    <t>on</t>
  </si>
  <si>
    <t>oo</t>
  </si>
  <si>
    <t>op</t>
  </si>
  <si>
    <t>oq</t>
  </si>
  <si>
    <t>or</t>
  </si>
  <si>
    <t>os</t>
  </si>
  <si>
    <t>ot</t>
  </si>
  <si>
    <t>ou</t>
  </si>
  <si>
    <t>ov</t>
  </si>
  <si>
    <t>ow</t>
  </si>
  <si>
    <t>ox</t>
  </si>
  <si>
    <t>oy</t>
  </si>
  <si>
    <t>oz</t>
  </si>
  <si>
    <t>pa</t>
  </si>
  <si>
    <t>pb</t>
  </si>
  <si>
    <t>pc</t>
  </si>
  <si>
    <t>pd</t>
  </si>
  <si>
    <t>pe</t>
  </si>
  <si>
    <t>pf</t>
  </si>
  <si>
    <t>pg</t>
  </si>
  <si>
    <t>ph</t>
  </si>
  <si>
    <t>pi</t>
  </si>
  <si>
    <t>pj</t>
  </si>
  <si>
    <t>pk</t>
  </si>
  <si>
    <t>pl</t>
  </si>
  <si>
    <t>pm</t>
  </si>
  <si>
    <t>pn</t>
  </si>
  <si>
    <t>po</t>
  </si>
  <si>
    <t>pp</t>
  </si>
  <si>
    <t>pq</t>
  </si>
  <si>
    <t>pr</t>
  </si>
  <si>
    <t>ps</t>
  </si>
  <si>
    <t>pt</t>
  </si>
  <si>
    <t>pu</t>
  </si>
  <si>
    <t>pv</t>
  </si>
  <si>
    <t>pw</t>
  </si>
  <si>
    <t>px</t>
  </si>
  <si>
    <t>py</t>
  </si>
  <si>
    <t>pz</t>
  </si>
  <si>
    <t>qa</t>
  </si>
  <si>
    <t>qb</t>
  </si>
  <si>
    <t>qc</t>
  </si>
  <si>
    <t>qd</t>
  </si>
  <si>
    <t>qe</t>
  </si>
  <si>
    <t>qf</t>
  </si>
  <si>
    <t>qg</t>
  </si>
  <si>
    <t>qh</t>
  </si>
  <si>
    <t>qi</t>
  </si>
  <si>
    <t>qj</t>
  </si>
  <si>
    <t>qk</t>
  </si>
  <si>
    <t>ql</t>
  </si>
  <si>
    <t>qm</t>
  </si>
  <si>
    <t>qn</t>
  </si>
  <si>
    <t>qo</t>
  </si>
  <si>
    <t>qp</t>
  </si>
  <si>
    <t>qq</t>
  </si>
  <si>
    <t>qr</t>
  </si>
  <si>
    <t>qs</t>
  </si>
  <si>
    <t>qt</t>
  </si>
  <si>
    <t>qu</t>
  </si>
  <si>
    <t>qv</t>
  </si>
  <si>
    <t>qw</t>
  </si>
  <si>
    <t>qx</t>
  </si>
  <si>
    <t>qy</t>
  </si>
  <si>
    <t>qz</t>
  </si>
  <si>
    <t>ra</t>
  </si>
  <si>
    <t>rb</t>
  </si>
  <si>
    <t>rc</t>
  </si>
  <si>
    <t>rd</t>
  </si>
  <si>
    <t>re</t>
  </si>
  <si>
    <t>rf</t>
  </si>
  <si>
    <t>rg</t>
  </si>
  <si>
    <t>rh</t>
  </si>
  <si>
    <t>ri</t>
  </si>
  <si>
    <t>rj</t>
  </si>
  <si>
    <t>rk</t>
  </si>
  <si>
    <t>rl</t>
  </si>
  <si>
    <t>rm</t>
  </si>
  <si>
    <t>rn</t>
  </si>
  <si>
    <t>ro</t>
  </si>
  <si>
    <t>rp</t>
  </si>
  <si>
    <t>rq</t>
  </si>
  <si>
    <t>rr</t>
  </si>
  <si>
    <t>rs</t>
  </si>
  <si>
    <t>rt</t>
  </si>
  <si>
    <t>ru</t>
  </si>
  <si>
    <t>rv</t>
  </si>
  <si>
    <t>rw</t>
  </si>
  <si>
    <t>rx</t>
  </si>
  <si>
    <t>ry</t>
  </si>
  <si>
    <t>rz</t>
  </si>
  <si>
    <t>sa</t>
  </si>
  <si>
    <t>sb</t>
  </si>
  <si>
    <t>sc</t>
  </si>
  <si>
    <t>sd</t>
  </si>
  <si>
    <t>se</t>
  </si>
  <si>
    <t>sf</t>
  </si>
  <si>
    <t>sg</t>
  </si>
  <si>
    <t>sh</t>
  </si>
  <si>
    <t>si</t>
  </si>
  <si>
    <t>sj</t>
  </si>
  <si>
    <t>sk</t>
  </si>
  <si>
    <t>sl</t>
  </si>
  <si>
    <t>sm</t>
  </si>
  <si>
    <t>sn</t>
  </si>
  <si>
    <t>so</t>
  </si>
  <si>
    <t>sp</t>
  </si>
  <si>
    <t>sq</t>
  </si>
  <si>
    <t>sr</t>
  </si>
  <si>
    <t>ss</t>
  </si>
  <si>
    <t>st</t>
  </si>
  <si>
    <t>su</t>
  </si>
  <si>
    <t>sv</t>
  </si>
  <si>
    <t>sw</t>
  </si>
  <si>
    <t>sx</t>
  </si>
  <si>
    <t>sy</t>
  </si>
  <si>
    <t>sz</t>
  </si>
  <si>
    <t>ta</t>
  </si>
  <si>
    <t>tb</t>
  </si>
  <si>
    <t>tc</t>
  </si>
  <si>
    <t>td</t>
  </si>
  <si>
    <t>te</t>
  </si>
  <si>
    <t>tf</t>
  </si>
  <si>
    <t>tg</t>
  </si>
  <si>
    <t>th</t>
  </si>
  <si>
    <t>ti</t>
  </si>
  <si>
    <t>tj</t>
  </si>
  <si>
    <t>tk</t>
  </si>
  <si>
    <t>tl</t>
  </si>
  <si>
    <t>tm</t>
  </si>
  <si>
    <t>tn</t>
  </si>
  <si>
    <t>to</t>
  </si>
  <si>
    <t>tp</t>
  </si>
  <si>
    <t>tq</t>
  </si>
  <si>
    <t>tr</t>
  </si>
  <si>
    <t>ts</t>
  </si>
  <si>
    <t>tt</t>
  </si>
  <si>
    <t>tu</t>
  </si>
  <si>
    <t>tv</t>
  </si>
  <si>
    <t>tw</t>
  </si>
  <si>
    <t>tx</t>
  </si>
  <si>
    <t>ty</t>
  </si>
  <si>
    <t>tz</t>
  </si>
  <si>
    <t>ua</t>
  </si>
  <si>
    <t>ub</t>
  </si>
  <si>
    <t>uc</t>
  </si>
  <si>
    <t>ud</t>
  </si>
  <si>
    <t>ue</t>
  </si>
  <si>
    <t>uf</t>
  </si>
  <si>
    <t>ug</t>
  </si>
  <si>
    <t>uh</t>
  </si>
  <si>
    <t>ui</t>
  </si>
  <si>
    <t>uj</t>
  </si>
  <si>
    <t>uk</t>
  </si>
  <si>
    <t>ul</t>
  </si>
  <si>
    <t>um</t>
  </si>
  <si>
    <t>un</t>
  </si>
  <si>
    <t>uo</t>
  </si>
  <si>
    <t>up</t>
  </si>
  <si>
    <t>uq</t>
  </si>
  <si>
    <t>ur</t>
  </si>
  <si>
    <t>us</t>
  </si>
  <si>
    <t>ut</t>
  </si>
  <si>
    <t>uu</t>
  </si>
  <si>
    <t>uv</t>
  </si>
  <si>
    <t>uw</t>
  </si>
  <si>
    <t>ux</t>
  </si>
  <si>
    <t>uy</t>
  </si>
  <si>
    <t>uz</t>
  </si>
  <si>
    <t>va</t>
  </si>
  <si>
    <t>vb</t>
  </si>
  <si>
    <t>vc</t>
  </si>
  <si>
    <t>vd</t>
  </si>
  <si>
    <t>ve</t>
  </si>
  <si>
    <t>vf</t>
  </si>
  <si>
    <t>vg</t>
  </si>
  <si>
    <t>vh</t>
  </si>
  <si>
    <t>vi</t>
  </si>
  <si>
    <t>vj</t>
  </si>
  <si>
    <t>vk</t>
  </si>
  <si>
    <t>vl</t>
  </si>
  <si>
    <t>vm</t>
  </si>
  <si>
    <t>vn</t>
  </si>
  <si>
    <t>vo</t>
  </si>
  <si>
    <t>vp</t>
  </si>
  <si>
    <t>vq</t>
  </si>
  <si>
    <t>vr</t>
  </si>
  <si>
    <t>vs</t>
  </si>
  <si>
    <t>vt</t>
  </si>
  <si>
    <t>vu</t>
  </si>
  <si>
    <t>vv</t>
  </si>
  <si>
    <t>vw</t>
  </si>
  <si>
    <t>vx</t>
  </si>
  <si>
    <t>vy</t>
  </si>
  <si>
    <t>vz</t>
  </si>
  <si>
    <t>wa</t>
  </si>
  <si>
    <t>wb</t>
  </si>
  <si>
    <t>wc</t>
  </si>
  <si>
    <t>wd</t>
  </si>
  <si>
    <t>we</t>
  </si>
  <si>
    <t>wf</t>
  </si>
  <si>
    <t>wg</t>
  </si>
  <si>
    <t>wh</t>
  </si>
  <si>
    <t>wi</t>
  </si>
  <si>
    <t>wj</t>
  </si>
  <si>
    <t>wk</t>
  </si>
  <si>
    <t>wl</t>
  </si>
  <si>
    <t>wm</t>
  </si>
  <si>
    <t>wn</t>
  </si>
  <si>
    <t>wo</t>
  </si>
  <si>
    <t>wp</t>
  </si>
  <si>
    <t>wq</t>
  </si>
  <si>
    <t>wr</t>
  </si>
  <si>
    <t>ws</t>
  </si>
  <si>
    <t>wt</t>
  </si>
  <si>
    <t>wu</t>
  </si>
  <si>
    <t>wv</t>
  </si>
  <si>
    <t>ww</t>
  </si>
  <si>
    <t>wx</t>
  </si>
  <si>
    <t>wy</t>
  </si>
  <si>
    <t>wz</t>
  </si>
  <si>
    <t>xa</t>
  </si>
  <si>
    <t>xb</t>
  </si>
  <si>
    <t>xc</t>
  </si>
  <si>
    <t>xd</t>
  </si>
  <si>
    <t>xe</t>
  </si>
  <si>
    <t>xf</t>
  </si>
  <si>
    <t>xg</t>
  </si>
  <si>
    <t>xh</t>
  </si>
  <si>
    <t>xi</t>
  </si>
  <si>
    <t>xj</t>
  </si>
  <si>
    <t>xk</t>
  </si>
  <si>
    <t>xl</t>
  </si>
  <si>
    <t>xm</t>
  </si>
  <si>
    <t>xn</t>
  </si>
  <si>
    <t>xo</t>
  </si>
  <si>
    <t>xp</t>
  </si>
  <si>
    <t>xq</t>
  </si>
  <si>
    <t>xr</t>
  </si>
  <si>
    <t>xs</t>
  </si>
  <si>
    <t>xt</t>
  </si>
  <si>
    <t>xu</t>
  </si>
  <si>
    <t>xv</t>
  </si>
  <si>
    <t>xw</t>
  </si>
  <si>
    <t>xx</t>
  </si>
  <si>
    <t>xy</t>
  </si>
  <si>
    <t>xz</t>
  </si>
  <si>
    <t>ya</t>
  </si>
  <si>
    <t>yb</t>
  </si>
  <si>
    <t>yc</t>
  </si>
  <si>
    <t>yd</t>
  </si>
  <si>
    <t>ye</t>
  </si>
  <si>
    <t>yf</t>
  </si>
  <si>
    <t>yg</t>
  </si>
  <si>
    <t>yh</t>
  </si>
  <si>
    <t>yi</t>
  </si>
  <si>
    <t>yj</t>
  </si>
  <si>
    <t>yk</t>
  </si>
  <si>
    <t>yl</t>
  </si>
  <si>
    <t>ym</t>
  </si>
  <si>
    <t>yn</t>
  </si>
  <si>
    <t>yo</t>
  </si>
  <si>
    <t>yp</t>
  </si>
  <si>
    <t>yq</t>
  </si>
  <si>
    <t>yr</t>
  </si>
  <si>
    <t>ys</t>
  </si>
  <si>
    <t>yt</t>
  </si>
  <si>
    <t>yu</t>
  </si>
  <si>
    <t>yv</t>
  </si>
  <si>
    <t>yw</t>
  </si>
  <si>
    <t>yx</t>
  </si>
  <si>
    <t>yy</t>
  </si>
  <si>
    <t>yz</t>
  </si>
  <si>
    <t>za</t>
  </si>
  <si>
    <t>zb</t>
  </si>
  <si>
    <t>zc</t>
  </si>
  <si>
    <t>zd</t>
  </si>
  <si>
    <t>ze</t>
  </si>
  <si>
    <t>zf</t>
  </si>
  <si>
    <t>zg</t>
  </si>
  <si>
    <t>zh</t>
  </si>
  <si>
    <t>zi</t>
  </si>
  <si>
    <t>zj</t>
  </si>
  <si>
    <t>zk</t>
  </si>
  <si>
    <t>zl</t>
  </si>
  <si>
    <t>zm</t>
  </si>
  <si>
    <t>zn</t>
  </si>
  <si>
    <t>zo</t>
  </si>
  <si>
    <t>zp</t>
  </si>
  <si>
    <t>zq</t>
  </si>
  <si>
    <t>zr</t>
  </si>
  <si>
    <t>zs</t>
  </si>
  <si>
    <t>zt</t>
  </si>
  <si>
    <t>zu</t>
  </si>
  <si>
    <t>zv</t>
  </si>
  <si>
    <t>zw</t>
  </si>
  <si>
    <t>zx</t>
  </si>
  <si>
    <t>zy</t>
  </si>
  <si>
    <t>zz</t>
  </si>
  <si>
    <t>LIDL STIFTUNG</t>
  </si>
  <si>
    <t>aaa</t>
  </si>
  <si>
    <t>aab</t>
  </si>
  <si>
    <t>aac</t>
  </si>
  <si>
    <t>aad</t>
  </si>
  <si>
    <t>aae</t>
  </si>
  <si>
    <t>aaf</t>
  </si>
  <si>
    <t>aag</t>
  </si>
  <si>
    <t>aah</t>
  </si>
  <si>
    <t>aai</t>
  </si>
  <si>
    <t>aaj</t>
  </si>
  <si>
    <t>aak</t>
  </si>
  <si>
    <t>aal</t>
  </si>
  <si>
    <t>aam</t>
  </si>
  <si>
    <t>aan</t>
  </si>
  <si>
    <t>aao</t>
  </si>
  <si>
    <t>aap</t>
  </si>
  <si>
    <t>aaq</t>
  </si>
  <si>
    <t>aar</t>
  </si>
  <si>
    <t>aas</t>
  </si>
  <si>
    <t>aat</t>
  </si>
  <si>
    <t>aau</t>
  </si>
  <si>
    <t>aav</t>
  </si>
  <si>
    <t>aaw</t>
  </si>
  <si>
    <t>aax</t>
  </si>
  <si>
    <t>aay</t>
  </si>
  <si>
    <t>aaz</t>
  </si>
  <si>
    <t>aba</t>
  </si>
  <si>
    <t>abb</t>
  </si>
  <si>
    <t>abc</t>
  </si>
  <si>
    <t>abd</t>
  </si>
  <si>
    <t>abe</t>
  </si>
  <si>
    <t>abf</t>
  </si>
  <si>
    <t>abg</t>
  </si>
  <si>
    <t>abh</t>
  </si>
  <si>
    <t>abi</t>
  </si>
  <si>
    <t>abj</t>
  </si>
  <si>
    <t>abk</t>
  </si>
  <si>
    <t>abl</t>
  </si>
  <si>
    <t>abm</t>
  </si>
  <si>
    <t>abn</t>
  </si>
  <si>
    <t>abo</t>
  </si>
  <si>
    <t>abp</t>
  </si>
  <si>
    <t>abq</t>
  </si>
  <si>
    <t>abr</t>
  </si>
  <si>
    <t>abs</t>
  </si>
  <si>
    <t>abt</t>
  </si>
  <si>
    <t>abu</t>
  </si>
  <si>
    <t>abv</t>
  </si>
  <si>
    <t>abw</t>
  </si>
  <si>
    <t>abx</t>
  </si>
  <si>
    <t>aby</t>
  </si>
  <si>
    <t>abz</t>
  </si>
  <si>
    <t>aca</t>
  </si>
  <si>
    <t>acb</t>
  </si>
  <si>
    <t>acc</t>
  </si>
  <si>
    <t>acd</t>
  </si>
  <si>
    <t>ace</t>
  </si>
  <si>
    <t>acf</t>
  </si>
  <si>
    <t>acg</t>
  </si>
  <si>
    <t>ach</t>
  </si>
  <si>
    <t>aci</t>
  </si>
  <si>
    <t>acj</t>
  </si>
  <si>
    <t>ack</t>
  </si>
  <si>
    <t>acl</t>
  </si>
  <si>
    <t>acm</t>
  </si>
  <si>
    <t>acn</t>
  </si>
  <si>
    <t>aco</t>
  </si>
  <si>
    <t>acp</t>
  </si>
  <si>
    <t>acq</t>
  </si>
  <si>
    <t>acr</t>
  </si>
  <si>
    <t>acs</t>
  </si>
  <si>
    <t>act</t>
  </si>
  <si>
    <t>acu</t>
  </si>
  <si>
    <t>acv</t>
  </si>
  <si>
    <t>acw</t>
  </si>
  <si>
    <t>acx</t>
  </si>
  <si>
    <t>acy</t>
  </si>
  <si>
    <t>acz</t>
  </si>
  <si>
    <t>ada</t>
  </si>
  <si>
    <t>adb</t>
  </si>
  <si>
    <t>adc</t>
  </si>
  <si>
    <t>add</t>
  </si>
  <si>
    <t>ade</t>
  </si>
  <si>
    <t>adf</t>
  </si>
  <si>
    <t>adg</t>
  </si>
  <si>
    <t>adh</t>
  </si>
  <si>
    <t>adi</t>
  </si>
  <si>
    <t>adj</t>
  </si>
  <si>
    <t>adk</t>
  </si>
  <si>
    <t>adl</t>
  </si>
  <si>
    <t>adm</t>
  </si>
  <si>
    <t>adn</t>
  </si>
  <si>
    <t>ado</t>
  </si>
  <si>
    <t>adp</t>
  </si>
  <si>
    <t>adq</t>
  </si>
  <si>
    <t>adr</t>
  </si>
  <si>
    <t>ads</t>
  </si>
  <si>
    <t>adt</t>
  </si>
  <si>
    <t>adu</t>
  </si>
  <si>
    <t>adv</t>
  </si>
  <si>
    <t>adw</t>
  </si>
  <si>
    <t>adx</t>
  </si>
  <si>
    <t>ady</t>
  </si>
  <si>
    <t>adz</t>
  </si>
  <si>
    <t>aea</t>
  </si>
  <si>
    <t>aeb</t>
  </si>
  <si>
    <t>aec</t>
  </si>
  <si>
    <t>aed</t>
  </si>
  <si>
    <t>aee</t>
  </si>
  <si>
    <t>aef</t>
  </si>
  <si>
    <t>aeg</t>
  </si>
  <si>
    <t>aeh</t>
  </si>
  <si>
    <t>aei</t>
  </si>
  <si>
    <t>aej</t>
  </si>
  <si>
    <t>aek</t>
  </si>
  <si>
    <t>ael</t>
  </si>
  <si>
    <t>aem</t>
  </si>
  <si>
    <t>aen</t>
  </si>
  <si>
    <t>aeo</t>
  </si>
  <si>
    <t>aep</t>
  </si>
  <si>
    <t>aeq</t>
  </si>
  <si>
    <t>aer</t>
  </si>
  <si>
    <t>aes</t>
  </si>
  <si>
    <t>aet</t>
  </si>
  <si>
    <t>aeu</t>
  </si>
  <si>
    <t>aev</t>
  </si>
  <si>
    <t>aew</t>
  </si>
  <si>
    <t>aex</t>
  </si>
  <si>
    <t>aey</t>
  </si>
  <si>
    <t>aez</t>
  </si>
  <si>
    <t>Prime</t>
  </si>
  <si>
    <t>Excellent</t>
  </si>
  <si>
    <t>Star</t>
  </si>
  <si>
    <t>More</t>
  </si>
  <si>
    <t>Par</t>
  </si>
  <si>
    <t>953.0-952.0</t>
  </si>
  <si>
    <t>4195.0-952.0</t>
  </si>
  <si>
    <t>952.0-952.0</t>
  </si>
  <si>
    <t>954.0-952.0</t>
  </si>
  <si>
    <t>2620.0-952.0</t>
  </si>
  <si>
    <t>2639.0-952.0</t>
  </si>
  <si>
    <t>4132.0-952.0</t>
  </si>
  <si>
    <t>4133.0-952.0</t>
  </si>
  <si>
    <t>4139.0-952.0</t>
  </si>
  <si>
    <t>4140.0-952.0</t>
  </si>
  <si>
    <t>4142.0-952.0</t>
  </si>
  <si>
    <t>4160.0-952.0</t>
  </si>
  <si>
    <t>4161.0-952.0</t>
  </si>
  <si>
    <t>4162.0-952.0</t>
  </si>
  <si>
    <t>4163.0-952.0</t>
  </si>
  <si>
    <t>4173.0-952.0</t>
  </si>
  <si>
    <t>4180.0-952.0</t>
  </si>
  <si>
    <t>4190.0-952.0</t>
  </si>
  <si>
    <t>4210.0-952.0</t>
  </si>
  <si>
    <t>4212.0-952.0</t>
  </si>
  <si>
    <t>4224.0-952.0</t>
  </si>
  <si>
    <t>4227.0-952.0</t>
  </si>
  <si>
    <t>4243.0-952.0</t>
  </si>
  <si>
    <t>955.0-952.0</t>
  </si>
  <si>
    <t>4233.0-952.0</t>
  </si>
  <si>
    <t>953.0-953.0</t>
  </si>
  <si>
    <t>4173.0-953.0</t>
  </si>
  <si>
    <t>955.0-953.0</t>
  </si>
  <si>
    <t>4139.0-953.0</t>
  </si>
  <si>
    <t>4198.0-953.0</t>
  </si>
  <si>
    <t>4213.0-953.0</t>
  </si>
  <si>
    <t>4247.0-953.0</t>
  </si>
  <si>
    <t>954.0-953.0</t>
  </si>
  <si>
    <t>2602.0-953.0</t>
  </si>
  <si>
    <t>4133.0-953.0</t>
  </si>
  <si>
    <t>4190.0-953.0</t>
  </si>
  <si>
    <t>4193.0-953.0</t>
  </si>
  <si>
    <t>4211.0-953.0</t>
  </si>
  <si>
    <t>954.0-954.0</t>
  </si>
  <si>
    <t>4163.0-954.0</t>
  </si>
  <si>
    <t>4190.0-954.0</t>
  </si>
  <si>
    <t>4234.0-954.0</t>
  </si>
  <si>
    <t>2631.0-954.0</t>
  </si>
  <si>
    <t>4138.0-954.0</t>
  </si>
  <si>
    <t>4132.0-954.0</t>
  </si>
  <si>
    <t>4220.0-954.0</t>
  </si>
  <si>
    <t>4248.0-954.0</t>
  </si>
  <si>
    <t>4254.0-954.0</t>
  </si>
  <si>
    <t>4250.0-954.0</t>
  </si>
  <si>
    <t>4195.0-954.0</t>
  </si>
  <si>
    <t>954.0-955.0</t>
  </si>
  <si>
    <t>955.0-955.0</t>
  </si>
  <si>
    <t>4250.0-955.0</t>
  </si>
  <si>
    <t>5312.0-955.0</t>
  </si>
  <si>
    <t>4193.0-955.0</t>
  </si>
  <si>
    <t>957.0-955.0</t>
  </si>
  <si>
    <t>4240.0-955.0</t>
  </si>
  <si>
    <t>956.0-956.0</t>
  </si>
  <si>
    <t>4190.0-956.0</t>
  </si>
  <si>
    <t>4249.0-956.0</t>
  </si>
  <si>
    <t>4242.0-956.0</t>
  </si>
  <si>
    <t>957.0-957.0</t>
  </si>
  <si>
    <t>4175.0-957.0</t>
  </si>
  <si>
    <t>2190.0-957.0</t>
  </si>
  <si>
    <t>4251.0-957.0</t>
  </si>
  <si>
    <t>4252.0-957.0</t>
  </si>
  <si>
    <t>954.0-957.0</t>
  </si>
  <si>
    <t>955.0-957.0</t>
  </si>
  <si>
    <t>4239.0-957.0</t>
  </si>
  <si>
    <t>2057.0-2057.0</t>
  </si>
  <si>
    <t>2069.0-2069.0</t>
  </si>
  <si>
    <t>2091.0-2091.0</t>
  </si>
  <si>
    <t>2092.0-2092.0</t>
  </si>
  <si>
    <t>2093.0-2093.0</t>
  </si>
  <si>
    <t>2218.0-2093.0</t>
  </si>
  <si>
    <t>2095.0-2095.0</t>
  </si>
  <si>
    <t>2210.0-2095.0</t>
  </si>
  <si>
    <t>4247.0-2095.0</t>
  </si>
  <si>
    <t>2099.0-2099.0</t>
  </si>
  <si>
    <t>2205.0-2099.0</t>
  </si>
  <si>
    <t>2615.0-2108.0</t>
  </si>
  <si>
    <t>2627.0-2108.0</t>
  </si>
  <si>
    <t>4242.0-2108.0</t>
  </si>
  <si>
    <t>2108.0-2108.0</t>
  </si>
  <si>
    <t>2624.0-2108.0</t>
  </si>
  <si>
    <t>2109.0-2109.0</t>
  </si>
  <si>
    <t>2638.0-2109.0</t>
  </si>
  <si>
    <t>2640.0-2109.0</t>
  </si>
  <si>
    <t>2111.0-2111.0</t>
  </si>
  <si>
    <t>2108.0-2116.0</t>
  </si>
  <si>
    <t>2116.0-2116.0</t>
  </si>
  <si>
    <t>2626.0-2116.0</t>
  </si>
  <si>
    <t>4184.0-2116.0</t>
  </si>
  <si>
    <t>2131.0-2131.0</t>
  </si>
  <si>
    <t>2133.0-2133.0</t>
  </si>
  <si>
    <t>2134.0-2134.0</t>
  </si>
  <si>
    <t>2144.0-2144.0</t>
  </si>
  <si>
    <t>4190.0-2145.0</t>
  </si>
  <si>
    <t>2145.0-2145.0</t>
  </si>
  <si>
    <t>2205.0-2148.0</t>
  </si>
  <si>
    <t>2149.0-2149.0</t>
  </si>
  <si>
    <t>4186.0-2150.0</t>
  </si>
  <si>
    <t>2153.0-2153.0</t>
  </si>
  <si>
    <t>2156.0-2156.0</t>
  </si>
  <si>
    <t>2212.0-2156.0</t>
  </si>
  <si>
    <t>2157.0-2157.0</t>
  </si>
  <si>
    <t>2204.0-2182.0</t>
  </si>
  <si>
    <t>4186.0-2182.0</t>
  </si>
  <si>
    <t>2182.0-2182.0</t>
  </si>
  <si>
    <t>2203.0-2182.0</t>
  </si>
  <si>
    <t>2208.0-2182.0</t>
  </si>
  <si>
    <t>4178.0-2182.0</t>
  </si>
  <si>
    <t>4187.0-2182.0</t>
  </si>
  <si>
    <t>2215.0-2182.0</t>
  </si>
  <si>
    <t>2209.0-2182.0</t>
  </si>
  <si>
    <t>4160.0-2182.0</t>
  </si>
  <si>
    <t>4253.0-2182.0</t>
  </si>
  <si>
    <t>4237.0-2182.0</t>
  </si>
  <si>
    <t>2218.0-2182.0</t>
  </si>
  <si>
    <t>2183.0-2183.0</t>
  </si>
  <si>
    <t>2207.0-2184.0</t>
  </si>
  <si>
    <t>2191.0-2191.0</t>
  </si>
  <si>
    <t>2212.0-2191.0</t>
  </si>
  <si>
    <t>2192.0-2192.0</t>
  </si>
  <si>
    <t>2194.0-2194.0</t>
  </si>
  <si>
    <t>2195.0-2195.0</t>
  </si>
  <si>
    <t>2623.0-2195.0</t>
  </si>
  <si>
    <t>4193.0-2197.0</t>
  </si>
  <si>
    <t>4249.0-2197.0</t>
  </si>
  <si>
    <t>2197.0-2197.0</t>
  </si>
  <si>
    <t>2200.0-2200.0</t>
  </si>
  <si>
    <t>2205.0-2201.0</t>
  </si>
  <si>
    <t>2202.0-2202.0</t>
  </si>
  <si>
    <t>2203.0-2202.0</t>
  </si>
  <si>
    <t>2203.0-2203.0</t>
  </si>
  <si>
    <t>2640.0-2203.0</t>
  </si>
  <si>
    <t>2212.0-2203.0</t>
  </si>
  <si>
    <t>2204.0-2204.0</t>
  </si>
  <si>
    <t>2205.0-2205.0</t>
  </si>
  <si>
    <t>2218.0-2206.0</t>
  </si>
  <si>
    <t>2206.0-2206.0</t>
  </si>
  <si>
    <t>2207.0-2207.0</t>
  </si>
  <si>
    <t>2209.0-2209.0</t>
  </si>
  <si>
    <t>2210.0-2210.0</t>
  </si>
  <si>
    <t>4174.0-2211.0</t>
  </si>
  <si>
    <t>2211.0-2211.0</t>
  </si>
  <si>
    <t>2212.0-2212.0</t>
  </si>
  <si>
    <t>2208.0-2212.0</t>
  </si>
  <si>
    <t>2640.0-2212.0</t>
  </si>
  <si>
    <t>4243.0-2212.0</t>
  </si>
  <si>
    <t>2213.0-2213.0</t>
  </si>
  <si>
    <t>2214.0-2214.0</t>
  </si>
  <si>
    <t>2218.0-2214.0</t>
  </si>
  <si>
    <t>2215.0-2215.0</t>
  </si>
  <si>
    <t>2218.0-2215.0</t>
  </si>
  <si>
    <t>4249.0-2216.0</t>
  </si>
  <si>
    <t>2216.0-2216.0</t>
  </si>
  <si>
    <t>2202.0-2217.0</t>
  </si>
  <si>
    <t>2095.0-2217.0</t>
  </si>
  <si>
    <t>2216.0-2217.0</t>
  </si>
  <si>
    <t>2217.0-2217.0</t>
  </si>
  <si>
    <t>2218.0-2217.0</t>
  </si>
  <si>
    <t>4247.0-2217.0</t>
  </si>
  <si>
    <t>2218.0-2218.0</t>
  </si>
  <si>
    <t>2219.0-2219.0</t>
  </si>
  <si>
    <t>2487.0-2487.0</t>
  </si>
  <si>
    <t>2565.0-2565.0</t>
  </si>
  <si>
    <t>2572.0-2572.0</t>
  </si>
  <si>
    <t>2625.0-2572.0</t>
  </si>
  <si>
    <t>2108.0-2575.0</t>
  </si>
  <si>
    <t>2575.0-2575.0</t>
  </si>
  <si>
    <t>2603.0-2575.0</t>
  </si>
  <si>
    <t>2576.0-2576.0</t>
  </si>
  <si>
    <t>2577.0-2577.0</t>
  </si>
  <si>
    <t>2579.0-2579.0</t>
  </si>
  <si>
    <t>2628.0-2580.0</t>
  </si>
  <si>
    <t>2639.0-2580.0</t>
  </si>
  <si>
    <t>2566.0-2582.0</t>
  </si>
  <si>
    <t>2583.0-2583.0</t>
  </si>
  <si>
    <t>4184.0-2583.0</t>
  </si>
  <si>
    <t>4239.0-2583.0</t>
  </si>
  <si>
    <t>2584.0-2584.0</t>
  </si>
  <si>
    <t>4184.0-2584.0</t>
  </si>
  <si>
    <t>4189.0-2585.0</t>
  </si>
  <si>
    <t>2585.0-2585.0</t>
  </si>
  <si>
    <t>4246.0-2586.0</t>
  </si>
  <si>
    <t>2586.0-2586.0</t>
  </si>
  <si>
    <t>2624.0-2586.0</t>
  </si>
  <si>
    <t>2588.0-2588.0</t>
  </si>
  <si>
    <t>2589.0-2589.0</t>
  </si>
  <si>
    <t>2590.0-2590.0</t>
  </si>
  <si>
    <t>2591.0-2591.0</t>
  </si>
  <si>
    <t>2592.0-2592.0</t>
  </si>
  <si>
    <t>2593.0-2593.0</t>
  </si>
  <si>
    <t>2595.0-2595.0</t>
  </si>
  <si>
    <t>2597.0-2597.0</t>
  </si>
  <si>
    <t>2598.0-2598.0</t>
  </si>
  <si>
    <t>2599.0-2599.0</t>
  </si>
  <si>
    <t>2600.0-2600.0</t>
  </si>
  <si>
    <t>2601.0-2601.0</t>
  </si>
  <si>
    <t>2602.0-2602.0</t>
  </si>
  <si>
    <t>2624.0-2603.0</t>
  </si>
  <si>
    <t>2604.0-2604.0</t>
  </si>
  <si>
    <t>2624.0-2604.0</t>
  </si>
  <si>
    <t>2639.0-2604.0</t>
  </si>
  <si>
    <t>2608.0-2608.0</t>
  </si>
  <si>
    <t>2611.0-2611.0</t>
  </si>
  <si>
    <t>4218.0-2612.0</t>
  </si>
  <si>
    <t>2613.0-2613.0</t>
  </si>
  <si>
    <t>2628.0-2615.0</t>
  </si>
  <si>
    <t>2615.0-2615.0</t>
  </si>
  <si>
    <t>4227.0-2615.0</t>
  </si>
  <si>
    <t>4241.0-2615.0</t>
  </si>
  <si>
    <t>4250.0-2615.0</t>
  </si>
  <si>
    <t>4234.0-2616.0</t>
  </si>
  <si>
    <t>2616.0-2616.0</t>
  </si>
  <si>
    <t>4176.0-2616.0</t>
  </si>
  <si>
    <t>2617.0-2617.0</t>
  </si>
  <si>
    <t>2620.0-2620.0</t>
  </si>
  <si>
    <t>2620.0-2621.0</t>
  </si>
  <si>
    <t>2621.0-2621.0</t>
  </si>
  <si>
    <t>2622.0-2622.0</t>
  </si>
  <si>
    <t>2632.0-2622.0</t>
  </si>
  <si>
    <t>2628.0-2623.0</t>
  </si>
  <si>
    <t>2623.0-2623.0</t>
  </si>
  <si>
    <t>2624.0-2624.0</t>
  </si>
  <si>
    <t>2627.0-2624.0</t>
  </si>
  <si>
    <t>2625.0-2625.0</t>
  </si>
  <si>
    <t>4139.0-2625.0</t>
  </si>
  <si>
    <t>2626.0-2626.0</t>
  </si>
  <si>
    <t>2627.0-2627.0</t>
  </si>
  <si>
    <t>2628.0-2628.0</t>
  </si>
  <si>
    <t>2629.0-2629.0</t>
  </si>
  <si>
    <t>4132.0-2630.0</t>
  </si>
  <si>
    <t>2630.0-2630.0</t>
  </si>
  <si>
    <t>2631.0-2631.0</t>
  </si>
  <si>
    <t>4254.0-2631.0</t>
  </si>
  <si>
    <t>4140.0-2631.0</t>
  </si>
  <si>
    <t>2632.0-2632.0</t>
  </si>
  <si>
    <t>2634.0-2634.0</t>
  </si>
  <si>
    <t>2597.0-2635.0</t>
  </si>
  <si>
    <t>2635.0-2635.0</t>
  </si>
  <si>
    <t>2636.0-2636.0</t>
  </si>
  <si>
    <t>4137.0-2637.0</t>
  </si>
  <si>
    <t>2637.0-2637.0</t>
  </si>
  <si>
    <t>2624.0-2637.0</t>
  </si>
  <si>
    <t>2639.0-2637.0</t>
  </si>
  <si>
    <t>2636.0-2638.0</t>
  </si>
  <si>
    <t>2638.0-2638.0</t>
  </si>
  <si>
    <t>4203.0-2638.0</t>
  </si>
  <si>
    <t>2557.0-2638.0</t>
  </si>
  <si>
    <t>2624.0-2638.0</t>
  </si>
  <si>
    <t>2630.0-2639.0</t>
  </si>
  <si>
    <t>2639.0-2639.0</t>
  </si>
  <si>
    <t>4228.0-2639.0</t>
  </si>
  <si>
    <t>4241.0-2639.0</t>
  </si>
  <si>
    <t>2637.0-2639.0</t>
  </si>
  <si>
    <t>4145.0-2639.0</t>
  </si>
  <si>
    <t>2613.0-2639.0</t>
  </si>
  <si>
    <t>4193.0-2639.0</t>
  </si>
  <si>
    <t>2602.0-2639.0</t>
  </si>
  <si>
    <t>4140.0-2639.0</t>
  </si>
  <si>
    <t>2625.0-2639.0</t>
  </si>
  <si>
    <t>4159.0-2639.0</t>
  </si>
  <si>
    <t>4211.0-2639.0</t>
  </si>
  <si>
    <t>4248.0-2639.0</t>
  </si>
  <si>
    <t>2640.0-2640.0</t>
  </si>
  <si>
    <t>4188.0-2640.0</t>
  </si>
  <si>
    <t>4189.0-2640.0</t>
  </si>
  <si>
    <t>4132.0-4132.0</t>
  </si>
  <si>
    <t>4216.0-4132.0</t>
  </si>
  <si>
    <t>4173.0-4132.0</t>
  </si>
  <si>
    <t>4180.0-4132.0</t>
  </si>
  <si>
    <t>4181.0-4132.0</t>
  </si>
  <si>
    <t>4161.0-4132.0</t>
  </si>
  <si>
    <t>4189.0-4132.0</t>
  </si>
  <si>
    <t>4144.0-4132.0</t>
  </si>
  <si>
    <t>4152.0-4132.0</t>
  </si>
  <si>
    <t>4228.0-4132.0</t>
  </si>
  <si>
    <t>2182.0-4132.0</t>
  </si>
  <si>
    <t>2183.0-4132.0</t>
  </si>
  <si>
    <t>2216.0-4132.0</t>
  </si>
  <si>
    <t>4166.0-4132.0</t>
  </si>
  <si>
    <t>4167.0-4132.0</t>
  </si>
  <si>
    <t>4192.0-4132.0</t>
  </si>
  <si>
    <t>4195.0-4132.0</t>
  </si>
  <si>
    <t>4243.0-4132.0</t>
  </si>
  <si>
    <t>4172.0-4132.0</t>
  </si>
  <si>
    <t>4139.0-4132.0</t>
  </si>
  <si>
    <t>4183.0-4132.0</t>
  </si>
  <si>
    <t>4225.0-4132.0</t>
  </si>
  <si>
    <t>4248.0-4132.0</t>
  </si>
  <si>
    <t>4133.0-4133.0</t>
  </si>
  <si>
    <t>4132.0-4133.0</t>
  </si>
  <si>
    <t>4246.0-4133.0</t>
  </si>
  <si>
    <t>4139.0-4133.0</t>
  </si>
  <si>
    <t>4235.0-4133.0</t>
  </si>
  <si>
    <t>4173.0-4133.0</t>
  </si>
  <si>
    <t>4212.0-4133.0</t>
  </si>
  <si>
    <t>2583.0-4133.0</t>
  </si>
  <si>
    <t>4174.0-4133.0</t>
  </si>
  <si>
    <t>4254.0-4133.0</t>
  </si>
  <si>
    <t>2613.0-4133.0</t>
  </si>
  <si>
    <t>4163.0-4133.0</t>
  </si>
  <si>
    <t>4184.0-4133.0</t>
  </si>
  <si>
    <t>4229.0-4133.0</t>
  </si>
  <si>
    <t>4166.0-4133.0</t>
  </si>
  <si>
    <t>2640.0-4133.0</t>
  </si>
  <si>
    <t>4188.0-4133.0</t>
  </si>
  <si>
    <t>4201.0-4133.0</t>
  </si>
  <si>
    <t>4160.0-4133.0</t>
  </si>
  <si>
    <t>2217.0-4133.0</t>
  </si>
  <si>
    <t>4193.0-4133.0</t>
  </si>
  <si>
    <t>4158.0-4134.0</t>
  </si>
  <si>
    <t>4153.0-4134.0</t>
  </si>
  <si>
    <t>4134.0-4134.0</t>
  </si>
  <si>
    <t>4180.0-4134.0</t>
  </si>
  <si>
    <t>4173.0-4134.0</t>
  </si>
  <si>
    <t>2625.0-4134.0</t>
  </si>
  <si>
    <t>4245.0-4134.0</t>
  </si>
  <si>
    <t>4135.0-4135.0</t>
  </si>
  <si>
    <t>4179.0-4136.0</t>
  </si>
  <si>
    <t>4188.0-4136.0</t>
  </si>
  <si>
    <t>4186.0-4137.0</t>
  </si>
  <si>
    <t>4137.0-4137.0</t>
  </si>
  <si>
    <t>4138.0-4138.0</t>
  </si>
  <si>
    <t>4167.0-4138.0</t>
  </si>
  <si>
    <t>4254.0-4138.0</t>
  </si>
  <si>
    <t>4139.0-4139.0</t>
  </si>
  <si>
    <t>4140.0-4139.0</t>
  </si>
  <si>
    <t>4193.0-4139.0</t>
  </si>
  <si>
    <t>4243.0-4139.0</t>
  </si>
  <si>
    <t>4210.0-4139.0</t>
  </si>
  <si>
    <t>4234.0-4139.0</t>
  </si>
  <si>
    <t>4166.0-4139.0</t>
  </si>
  <si>
    <t>4188.0-4139.0</t>
  </si>
  <si>
    <t>4216.0-4139.0</t>
  </si>
  <si>
    <t>4246.0-4139.0</t>
  </si>
  <si>
    <t>4192.0-4139.0</t>
  </si>
  <si>
    <t>4253.0-4139.0</t>
  </si>
  <si>
    <t>4202.0-4139.0</t>
  </si>
  <si>
    <t>4197.0-4139.0</t>
  </si>
  <si>
    <t>4198.0-4139.0</t>
  </si>
  <si>
    <t>5321.0-4140.0</t>
  </si>
  <si>
    <t>4140.0-4140.0</t>
  </si>
  <si>
    <t>4161.0-4140.0</t>
  </si>
  <si>
    <t>4238.0-4140.0</t>
  </si>
  <si>
    <t>4218.0-4140.0</t>
  </si>
  <si>
    <t>4180.0-4140.0</t>
  </si>
  <si>
    <t>4193.0-4140.0</t>
  </si>
  <si>
    <t>4164.0-4140.0</t>
  </si>
  <si>
    <t>4173.0-4140.0</t>
  </si>
  <si>
    <t>4141.0-4141.0</t>
  </si>
  <si>
    <t>4253.0-4141.0</t>
  </si>
  <si>
    <t>4194.0-4141.0</t>
  </si>
  <si>
    <t>5271.0-4141.0</t>
  </si>
  <si>
    <t>4249.0-4141.0</t>
  </si>
  <si>
    <t>4201.0-4142.0</t>
  </si>
  <si>
    <t>4250.0-4142.0</t>
  </si>
  <si>
    <t>4142.0-4142.0</t>
  </si>
  <si>
    <t>4184.0-4142.0</t>
  </si>
  <si>
    <t>4173.0-4142.0</t>
  </si>
  <si>
    <t>4247.0-4142.0</t>
  </si>
  <si>
    <t>4168.0-4142.0</t>
  </si>
  <si>
    <t>4174.0-4142.0</t>
  </si>
  <si>
    <t>4132.0-4142.0</t>
  </si>
  <si>
    <t>4172.0-4142.0</t>
  </si>
  <si>
    <t>4178.0-4142.0</t>
  </si>
  <si>
    <t>4183.0-4142.0</t>
  </si>
  <si>
    <t>4246.0-4142.0</t>
  </si>
  <si>
    <t>4143.0-4143.0</t>
  </si>
  <si>
    <t>4231.0-4143.0</t>
  </si>
  <si>
    <t>2614.0-4144.0</t>
  </si>
  <si>
    <t>4139.0-4144.0</t>
  </si>
  <si>
    <t>4144.0-4144.0</t>
  </si>
  <si>
    <t>4175.0-4144.0</t>
  </si>
  <si>
    <t>4145.0-4145.0</t>
  </si>
  <si>
    <t>4166.0-4146.0</t>
  </si>
  <si>
    <t>4146.0-4146.0</t>
  </si>
  <si>
    <t>4147.0-4147.0</t>
  </si>
  <si>
    <t>4149.0-4149.0</t>
  </si>
  <si>
    <t>4150.0-4150.0</t>
  </si>
  <si>
    <t>2637.0-4150.0</t>
  </si>
  <si>
    <t>4145.0-4150.0</t>
  </si>
  <si>
    <t>4243.0-4150.0</t>
  </si>
  <si>
    <t>2590.0-4150.0</t>
  </si>
  <si>
    <t>4133.0-4152.0</t>
  </si>
  <si>
    <t>4152.0-4152.0</t>
  </si>
  <si>
    <t>4239.0-4152.0</t>
  </si>
  <si>
    <t>4237.0-4153.0</t>
  </si>
  <si>
    <t>4153.0-4153.0</t>
  </si>
  <si>
    <t>4241.0-4153.0</t>
  </si>
  <si>
    <t>4190.0-4153.0</t>
  </si>
  <si>
    <t>4155.0-4155.0</t>
  </si>
  <si>
    <t>4157.0-4157.0</t>
  </si>
  <si>
    <t>4158.0-4158.0</t>
  </si>
  <si>
    <t>4247.0-4158.0</t>
  </si>
  <si>
    <t>4159.0-4159.0</t>
  </si>
  <si>
    <t>4251.0-4159.0</t>
  </si>
  <si>
    <t>2620.0-4160.0</t>
  </si>
  <si>
    <t>4230.0-4160.0</t>
  </si>
  <si>
    <t>4160.0-4160.0</t>
  </si>
  <si>
    <t>2182.0-4160.0</t>
  </si>
  <si>
    <t>4197.0-4160.0</t>
  </si>
  <si>
    <t>4231.0-4160.0</t>
  </si>
  <si>
    <t>4161.0-4161.0</t>
  </si>
  <si>
    <t>4162.0-4162.0</t>
  </si>
  <si>
    <t>4146.0-4162.0</t>
  </si>
  <si>
    <t>4163.0-4163.0</t>
  </si>
  <si>
    <t>4164.0-4164.0</t>
  </si>
  <si>
    <t>4165.0-4165.0</t>
  </si>
  <si>
    <t>4159.0-4165.0</t>
  </si>
  <si>
    <t>4173.0-4165.0</t>
  </si>
  <si>
    <t>4246.0-4165.0</t>
  </si>
  <si>
    <t>4164.0-4166.0</t>
  </si>
  <si>
    <t>4166.0-4166.0</t>
  </si>
  <si>
    <t>2640.0-4166.0</t>
  </si>
  <si>
    <t>4192.0-4166.0</t>
  </si>
  <si>
    <t>4140.0-4166.0</t>
  </si>
  <si>
    <t>4186.0-4166.0</t>
  </si>
  <si>
    <t>4203.0-4166.0</t>
  </si>
  <si>
    <t>4173.0-4166.0</t>
  </si>
  <si>
    <t>4248.0-4166.0</t>
  </si>
  <si>
    <t>5349.0-4166.0</t>
  </si>
  <si>
    <t>4167.0-4167.0</t>
  </si>
  <si>
    <t>4173.0-4167.0</t>
  </si>
  <si>
    <t>4168.0-4168.0</t>
  </si>
  <si>
    <t>4169.0-4169.0</t>
  </si>
  <si>
    <t>4203.0-4169.0</t>
  </si>
  <si>
    <t>4201.0-4169.0</t>
  </si>
  <si>
    <t>4223.0-4171.0</t>
  </si>
  <si>
    <t>4171.0-4171.0</t>
  </si>
  <si>
    <t>4173.0-4171.0</t>
  </si>
  <si>
    <t>4245.0-4171.0</t>
  </si>
  <si>
    <t>4140.0-4171.0</t>
  </si>
  <si>
    <t>4183.0-4172.0</t>
  </si>
  <si>
    <t>4172.0-4172.0</t>
  </si>
  <si>
    <t>4173.0-4173.0</t>
  </si>
  <si>
    <t>2637.0-4173.0</t>
  </si>
  <si>
    <t>4174.0-4174.0</t>
  </si>
  <si>
    <t>4175.0-4175.0</t>
  </si>
  <si>
    <t>4163.0-4175.0</t>
  </si>
  <si>
    <t>4177.0-4177.0</t>
  </si>
  <si>
    <t>4174.0-4177.0</t>
  </si>
  <si>
    <t>4173.0-4178.0</t>
  </si>
  <si>
    <t>4253.0-4178.0</t>
  </si>
  <si>
    <t>4178.0-4178.0</t>
  </si>
  <si>
    <t>4179.0-4179.0</t>
  </si>
  <si>
    <t>4241.0-4179.0</t>
  </si>
  <si>
    <t>4219.0-4179.0</t>
  </si>
  <si>
    <t>2215.0-4179.0</t>
  </si>
  <si>
    <t>2218.0-4179.0</t>
  </si>
  <si>
    <t>2219.0-4179.0</t>
  </si>
  <si>
    <t>4168.0-4179.0</t>
  </si>
  <si>
    <t>4180.0-4180.0</t>
  </si>
  <si>
    <t>4181.0-4181.0</t>
  </si>
  <si>
    <t>4241.0-4181.0</t>
  </si>
  <si>
    <t>4182.0-4182.0</t>
  </si>
  <si>
    <t>4181.0-4182.0</t>
  </si>
  <si>
    <t>4183.0-4183.0</t>
  </si>
  <si>
    <t>2600.0-4183.0</t>
  </si>
  <si>
    <t>4228.0-4183.0</t>
  </si>
  <si>
    <t>4184.0-4184.0</t>
  </si>
  <si>
    <t>4186.0-4186.0</t>
  </si>
  <si>
    <t>2623.0-4186.0</t>
  </si>
  <si>
    <t>4187.0-4187.0</t>
  </si>
  <si>
    <t>4189.0-4189.0</t>
  </si>
  <si>
    <t>4190.0-4190.0</t>
  </si>
  <si>
    <t>4228.0-4190.0</t>
  </si>
  <si>
    <t>4229.0-4190.0</t>
  </si>
  <si>
    <t>4191.0-4191.0</t>
  </si>
  <si>
    <t>4213.0-4191.0</t>
  </si>
  <si>
    <t>4192.0-4192.0</t>
  </si>
  <si>
    <t>4232.0-4192.0</t>
  </si>
  <si>
    <t>2217.0-4192.0</t>
  </si>
  <si>
    <t>2637.0-4192.0</t>
  </si>
  <si>
    <t>2640.0-4192.0</t>
  </si>
  <si>
    <t>4175.0-4192.0</t>
  </si>
  <si>
    <t>4193.0-4193.0</t>
  </si>
  <si>
    <t>4196.0-4193.0</t>
  </si>
  <si>
    <t>4194.0-4194.0</t>
  </si>
  <si>
    <t>4193.0-4195.0</t>
  </si>
  <si>
    <t>4132.0-4195.0</t>
  </si>
  <si>
    <t>4195.0-4195.0</t>
  </si>
  <si>
    <t>4158.0-4195.0</t>
  </si>
  <si>
    <t>4211.0-4195.0</t>
  </si>
  <si>
    <t>4234.0-4195.0</t>
  </si>
  <si>
    <t>4190.0-4195.0</t>
  </si>
  <si>
    <t>4196.0-4196.0</t>
  </si>
  <si>
    <t>2598.0-4197.0</t>
  </si>
  <si>
    <t>4169.0-4197.0</t>
  </si>
  <si>
    <t>4197.0-4197.0</t>
  </si>
  <si>
    <t>4198.0-4198.0</t>
  </si>
  <si>
    <t>4167.0-4198.0</t>
  </si>
  <si>
    <t>4182.0-4198.0</t>
  </si>
  <si>
    <t>4199.0-4199.0</t>
  </si>
  <si>
    <t>4200.0-4200.0</t>
  </si>
  <si>
    <t>2584.0-4200.0</t>
  </si>
  <si>
    <t>4247.0-4200.0</t>
  </si>
  <si>
    <t>4201.0-4201.0</t>
  </si>
  <si>
    <t>4133.0-4201.0</t>
  </si>
  <si>
    <t>5240.0-4201.0</t>
  </si>
  <si>
    <t>2637.0-4202.0</t>
  </si>
  <si>
    <t>4202.0-4202.0</t>
  </si>
  <si>
    <t>4140.0-4203.0</t>
  </si>
  <si>
    <t>4166.0-4203.0</t>
  </si>
  <si>
    <t>4167.0-4203.0</t>
  </si>
  <si>
    <t>4203.0-4203.0</t>
  </si>
  <si>
    <t>4205.0-4205.0</t>
  </si>
  <si>
    <t>4153.0-4205.0</t>
  </si>
  <si>
    <t>4206.0-4206.0</t>
  </si>
  <si>
    <t>4140.0-4206.0</t>
  </si>
  <si>
    <t>2617.0-4206.0</t>
  </si>
  <si>
    <t>2205.0-4207.0</t>
  </si>
  <si>
    <t>4139.0-4207.0</t>
  </si>
  <si>
    <t>4207.0-4207.0</t>
  </si>
  <si>
    <t>4209.0-4209.0</t>
  </si>
  <si>
    <t>4253.0-4209.0</t>
  </si>
  <si>
    <t>4231.0-4209.0</t>
  </si>
  <si>
    <t>4210.0-4210.0</t>
  </si>
  <si>
    <t>4202.0-4210.0</t>
  </si>
  <si>
    <t>4211.0-4211.0</t>
  </si>
  <si>
    <t>4178.0-4212.0</t>
  </si>
  <si>
    <t>4212.0-4212.0</t>
  </si>
  <si>
    <t>4229.0-4212.0</t>
  </si>
  <si>
    <t>4235.0-4212.0</t>
  </si>
  <si>
    <t>4216.0-4213.0</t>
  </si>
  <si>
    <t>4213.0-4213.0</t>
  </si>
  <si>
    <t>4214.0-4214.0</t>
  </si>
  <si>
    <t>4215.0-4215.0</t>
  </si>
  <si>
    <t>4139.0-4215.0</t>
  </si>
  <si>
    <t>4216.0-4216.0</t>
  </si>
  <si>
    <t>4236.0-4216.0</t>
  </si>
  <si>
    <t>4217.0-4217.0</t>
  </si>
  <si>
    <t>4183.0-4217.0</t>
  </si>
  <si>
    <t>4201.0-4217.0</t>
  </si>
  <si>
    <t>4213.0-4218.0</t>
  </si>
  <si>
    <t>4218.0-4218.0</t>
  </si>
  <si>
    <t>4154.0-4218.0</t>
  </si>
  <si>
    <t>4205.0-4218.0</t>
  </si>
  <si>
    <t>4241.0-4218.0</t>
  </si>
  <si>
    <t>4251.0-4219.0</t>
  </si>
  <si>
    <t>4219.0-4219.0</t>
  </si>
  <si>
    <t>4192.0-4219.0</t>
  </si>
  <si>
    <t>2575.0-4219.0</t>
  </si>
  <si>
    <t>4186.0-4220.0</t>
  </si>
  <si>
    <t>4220.0-4220.0</t>
  </si>
  <si>
    <t>4133.0-4220.0</t>
  </si>
  <si>
    <t>4221.0-4221.0</t>
  </si>
  <si>
    <t>4222.0-4222.0</t>
  </si>
  <si>
    <t>4132.0-4222.0</t>
  </si>
  <si>
    <t>4133.0-4222.0</t>
  </si>
  <si>
    <t>4142.0-4222.0</t>
  </si>
  <si>
    <t>4178.0-4222.0</t>
  </si>
  <si>
    <t>4186.0-4222.0</t>
  </si>
  <si>
    <t>4187.0-4222.0</t>
  </si>
  <si>
    <t>2583.0-4222.0</t>
  </si>
  <si>
    <t>4174.0-4222.0</t>
  </si>
  <si>
    <t>4195.0-4222.0</t>
  </si>
  <si>
    <t>4134.0-4223.0</t>
  </si>
  <si>
    <t>4229.0-4223.0</t>
  </si>
  <si>
    <t>4224.0-4224.0</t>
  </si>
  <si>
    <t>4166.0-4224.0</t>
  </si>
  <si>
    <t>4225.0-4225.0</t>
  </si>
  <si>
    <t>4231.0-4225.0</t>
  </si>
  <si>
    <t>4229.0-4225.0</t>
  </si>
  <si>
    <t>4140.0-4225.0</t>
  </si>
  <si>
    <t>4146.0-4225.0</t>
  </si>
  <si>
    <t>4157.0-4225.0</t>
  </si>
  <si>
    <t>4246.0-4226.0</t>
  </si>
  <si>
    <t>4226.0-4226.0</t>
  </si>
  <si>
    <t>4178.0-4226.0</t>
  </si>
  <si>
    <t>4227.0-4227.0</t>
  </si>
  <si>
    <t>4183.0-4227.0</t>
  </si>
  <si>
    <t>4181.0-4228.0</t>
  </si>
  <si>
    <t>4228.0-4228.0</t>
  </si>
  <si>
    <t>4183.0-4228.0</t>
  </si>
  <si>
    <t>4149.0-4228.0</t>
  </si>
  <si>
    <t>4242.0-4229.0</t>
  </si>
  <si>
    <t>4229.0-4229.0</t>
  </si>
  <si>
    <t>2632.0-4229.0</t>
  </si>
  <si>
    <t>4160.0-4229.0</t>
  </si>
  <si>
    <t>4155.0-4229.0</t>
  </si>
  <si>
    <t>4172.0-4229.0</t>
  </si>
  <si>
    <t>2183.0-4229.0</t>
  </si>
  <si>
    <t>4186.0-4229.0</t>
  </si>
  <si>
    <t>4226.0-4229.0</t>
  </si>
  <si>
    <t>4230.0-4230.0</t>
  </si>
  <si>
    <t>4228.0-4230.0</t>
  </si>
  <si>
    <t>4239.0-4230.0</t>
  </si>
  <si>
    <t>4238.0-4231.0</t>
  </si>
  <si>
    <t>4231.0-4231.0</t>
  </si>
  <si>
    <t>4193.0-4231.0</t>
  </si>
  <si>
    <t>4251.0-4231.0</t>
  </si>
  <si>
    <t>4234.0-4231.0</t>
  </si>
  <si>
    <t>4231.0-4232.0</t>
  </si>
  <si>
    <t>4232.0-4232.0</t>
  </si>
  <si>
    <t>4226.0-4232.0</t>
  </si>
  <si>
    <t>4233.0-4233.0</t>
  </si>
  <si>
    <t>4234.0-4234.0</t>
  </si>
  <si>
    <t>4221.0-4234.0</t>
  </si>
  <si>
    <t>4173.0-4234.0</t>
  </si>
  <si>
    <t>4225.0-4234.0</t>
  </si>
  <si>
    <t>4240.0-4234.0</t>
  </si>
  <si>
    <t>4244.0-4234.0</t>
  </si>
  <si>
    <t>4235.0-4235.0</t>
  </si>
  <si>
    <t>4190.0-4235.0</t>
  </si>
  <si>
    <t>4225.0-4235.0</t>
  </si>
  <si>
    <t>4231.0-4235.0</t>
  </si>
  <si>
    <t>4248.0-4235.0</t>
  </si>
  <si>
    <t>4234.0-4235.0</t>
  </si>
  <si>
    <t>4192.0-4235.0</t>
  </si>
  <si>
    <t>4236.0-4236.0</t>
  </si>
  <si>
    <t>4229.0-4236.0</t>
  </si>
  <si>
    <t>4221.0-4236.0</t>
  </si>
  <si>
    <t>4237.0-4237.0</t>
  </si>
  <si>
    <t>4238.0-4238.0</t>
  </si>
  <si>
    <t>4224.0-4238.0</t>
  </si>
  <si>
    <t>4244.0-4238.0</t>
  </si>
  <si>
    <t>4239.0-4238.0</t>
  </si>
  <si>
    <t>4193.0-4238.0</t>
  </si>
  <si>
    <t>4133.0-4238.0</t>
  </si>
  <si>
    <t>4248.0-4238.0</t>
  </si>
  <si>
    <t>4132.0-4238.0</t>
  </si>
  <si>
    <t>4137.0-4238.0</t>
  </si>
  <si>
    <t>4157.0-4238.0</t>
  </si>
  <si>
    <t>4158.0-4238.0</t>
  </si>
  <si>
    <t>4163.0-4238.0</t>
  </si>
  <si>
    <t>4173.0-4238.0</t>
  </si>
  <si>
    <t>4199.0-4238.0</t>
  </si>
  <si>
    <t>4230.0-4238.0</t>
  </si>
  <si>
    <t>4234.0-4238.0</t>
  </si>
  <si>
    <t>4217.0-4238.0</t>
  </si>
  <si>
    <t>4172.0-4238.0</t>
  </si>
  <si>
    <t>4210.0-4238.0</t>
  </si>
  <si>
    <t>4183.0-4239.0</t>
  </si>
  <si>
    <t>4239.0-4239.0</t>
  </si>
  <si>
    <t>2638.0-4239.0</t>
  </si>
  <si>
    <t>4199.0-4239.0</t>
  </si>
  <si>
    <t>4225.0-4239.0</t>
  </si>
  <si>
    <t>4213.0-4239.0</t>
  </si>
  <si>
    <t>5323.0-4239.0</t>
  </si>
  <si>
    <t>4241.0-4239.0</t>
  </si>
  <si>
    <t>4185.0-4239.0</t>
  </si>
  <si>
    <t>4239.0-4240.0</t>
  </si>
  <si>
    <t>4240.0-4240.0</t>
  </si>
  <si>
    <t>4243.0-4240.0</t>
  </si>
  <si>
    <t>4241.0-4241.0</t>
  </si>
  <si>
    <t>4243.0-4241.0</t>
  </si>
  <si>
    <t>4242.0-4242.0</t>
  </si>
  <si>
    <t>4139.0-4242.0</t>
  </si>
  <si>
    <t>4179.0-4242.0</t>
  </si>
  <si>
    <t>4240.0-4242.0</t>
  </si>
  <si>
    <t>4245.0-4242.0</t>
  </si>
  <si>
    <t>4243.0-4243.0</t>
  </si>
  <si>
    <t>4215.0-4243.0</t>
  </si>
  <si>
    <t>4161.0-4243.0</t>
  </si>
  <si>
    <t>4168.0-4243.0</t>
  </si>
  <si>
    <t>4173.0-4243.0</t>
  </si>
  <si>
    <t>4179.0-4243.0</t>
  </si>
  <si>
    <t>4232.0-4243.0</t>
  </si>
  <si>
    <t>4249.0-4243.0</t>
  </si>
  <si>
    <t>2640.0-4243.0</t>
  </si>
  <si>
    <t>4139.0-4243.0</t>
  </si>
  <si>
    <t>4142.0-4243.0</t>
  </si>
  <si>
    <t>4180.0-4243.0</t>
  </si>
  <si>
    <t>4187.0-4243.0</t>
  </si>
  <si>
    <t>4190.0-4243.0</t>
  </si>
  <si>
    <t>4193.0-4243.0</t>
  </si>
  <si>
    <t>4210.0-4243.0</t>
  </si>
  <si>
    <t>4211.0-4243.0</t>
  </si>
  <si>
    <t>4212.0-4243.0</t>
  </si>
  <si>
    <t>4222.0-4243.0</t>
  </si>
  <si>
    <t>4240.0-4243.0</t>
  </si>
  <si>
    <t>4248.0-4243.0</t>
  </si>
  <si>
    <t>4242.0-4243.0</t>
  </si>
  <si>
    <t>4184.0-4243.0</t>
  </si>
  <si>
    <t>4246.0-4243.0</t>
  </si>
  <si>
    <t>4244.0-4244.0</t>
  </si>
  <si>
    <t>4245.0-4245.0</t>
  </si>
  <si>
    <t>4192.0-4245.0</t>
  </si>
  <si>
    <t>2182.0-4245.0</t>
  </si>
  <si>
    <t>4237.0-4245.0</t>
  </si>
  <si>
    <t>4246.0-4246.0</t>
  </si>
  <si>
    <t>4215.0-4246.0</t>
  </si>
  <si>
    <t>4251.0-4246.0</t>
  </si>
  <si>
    <t>2207.0-4246.0</t>
  </si>
  <si>
    <t>4234.0-4246.0</t>
  </si>
  <si>
    <t>4132.0-4246.0</t>
  </si>
  <si>
    <t>4175.0-4246.0</t>
  </si>
  <si>
    <t>4243.0-4246.0</t>
  </si>
  <si>
    <t>4159.0-4246.0</t>
  </si>
  <si>
    <t>4193.0-4246.0</t>
  </si>
  <si>
    <t>4132.0-4247.0</t>
  </si>
  <si>
    <t>4247.0-4247.0</t>
  </si>
  <si>
    <t>4222.0-4247.0</t>
  </si>
  <si>
    <t>4139.0-4247.0</t>
  </si>
  <si>
    <t>4198.0-4247.0</t>
  </si>
  <si>
    <t>4183.0-4247.0</t>
  </si>
  <si>
    <t>4248.0-4248.0</t>
  </si>
  <si>
    <t>4254.0-4248.0</t>
  </si>
  <si>
    <t>4249.0-4249.0</t>
  </si>
  <si>
    <t>2219.0-4249.0</t>
  </si>
  <si>
    <t>4251.0-4249.0</t>
  </si>
  <si>
    <t>4253.0-4249.0</t>
  </si>
  <si>
    <t>4197.0-4249.0</t>
  </si>
  <si>
    <t>4250.0-4250.0</t>
  </si>
  <si>
    <t>4249.0-4250.0</t>
  </si>
  <si>
    <t>2639.0-4250.0</t>
  </si>
  <si>
    <t>4134.0-4250.0</t>
  </si>
  <si>
    <t>4213.0-4250.0</t>
  </si>
  <si>
    <t>4251.0-4251.0</t>
  </si>
  <si>
    <t>4241.0-4251.0</t>
  </si>
  <si>
    <t>4168.0-4252.0</t>
  </si>
  <si>
    <t>4252.0-4252.0</t>
  </si>
  <si>
    <t>4167.0-4252.0</t>
  </si>
  <si>
    <t>4139.0-4252.0</t>
  </si>
  <si>
    <t>4166.0-4252.0</t>
  </si>
  <si>
    <t>4253.0-4252.0</t>
  </si>
  <si>
    <t>4253.0-4253.0</t>
  </si>
  <si>
    <t>4183.0-4253.0</t>
  </si>
  <si>
    <t>4251.0-4253.0</t>
  </si>
  <si>
    <t>4139.0-4253.0</t>
  </si>
  <si>
    <t>4140.0-4253.0</t>
  </si>
  <si>
    <t>4254.0-4254.0</t>
  </si>
  <si>
    <t>4228.0-4254.0</t>
  </si>
  <si>
    <t>4132.0-4254.0</t>
  </si>
  <si>
    <t>4156.0-4254.0</t>
  </si>
  <si>
    <t>4172.0-4254.0</t>
  </si>
  <si>
    <t>4178.0-4254.0</t>
  </si>
  <si>
    <t>4183.0-4254.0</t>
  </si>
  <si>
    <t>4246.0-4254.0</t>
  </si>
  <si>
    <t>4190.0-5234.0</t>
  </si>
  <si>
    <t>5234.0-5234.0</t>
  </si>
  <si>
    <t>5235.0-5235.0</t>
  </si>
  <si>
    <t>5293.0-5293.0</t>
  </si>
  <si>
    <t>5295.0-5295.0</t>
  </si>
  <si>
    <t>5296.0-5296.0</t>
  </si>
  <si>
    <t>5302.0-5302.0</t>
  </si>
  <si>
    <t>4248.0-5302.0</t>
  </si>
  <si>
    <t>4249.0-5302.0</t>
  </si>
  <si>
    <t>5313.0-5313.0</t>
  </si>
  <si>
    <t>5314.0-5314.0</t>
  </si>
  <si>
    <t>5322.0-5322.0</t>
  </si>
  <si>
    <t>4132.0-5330.0</t>
  </si>
  <si>
    <t>4150.0-5330.0</t>
  </si>
  <si>
    <t>5330.0-5330.0</t>
  </si>
  <si>
    <t>4195.0-5333.0</t>
  </si>
  <si>
    <t>5333.0-5333.0</t>
  </si>
  <si>
    <t>4242.0-5345.0</t>
  </si>
  <si>
    <t>5361.0-5361.0</t>
  </si>
  <si>
    <t>4193.0-5363.0</t>
  </si>
  <si>
    <t>manual</t>
  </si>
  <si>
    <t>automatic</t>
  </si>
  <si>
    <t>Premium</t>
  </si>
  <si>
    <t>Basic</t>
  </si>
  <si>
    <t>Mid-range</t>
  </si>
  <si>
    <t>Pagani</t>
  </si>
  <si>
    <t>Aston Martin</t>
  </si>
  <si>
    <t>Lotus Cars</t>
  </si>
  <si>
    <t>McLaren Automotive</t>
  </si>
  <si>
    <t>Lamborghini</t>
  </si>
  <si>
    <t>Bugatti</t>
  </si>
  <si>
    <t>Aspark</t>
  </si>
  <si>
    <t>Bentley</t>
  </si>
  <si>
    <t>Koenigsegg</t>
  </si>
  <si>
    <t>Ferrari</t>
  </si>
  <si>
    <t>Rolls-Royce</t>
  </si>
  <si>
    <t>W Motors</t>
  </si>
  <si>
    <t>Rimac Automobili</t>
  </si>
  <si>
    <t>Mercedes-Benz</t>
  </si>
  <si>
    <t>Pagani1</t>
  </si>
  <si>
    <t>Aston Martin1</t>
  </si>
  <si>
    <t>Lamborghini6</t>
  </si>
  <si>
    <t>Lamborghini7</t>
  </si>
  <si>
    <t>McLaren Automotive1</t>
  </si>
  <si>
    <t>Lamborghini1</t>
  </si>
  <si>
    <t>Buggati</t>
  </si>
  <si>
    <t>Aspark1</t>
  </si>
  <si>
    <t>Aspark2</t>
  </si>
  <si>
    <t>Pagani2</t>
  </si>
  <si>
    <t>Rolls-Royce2</t>
  </si>
  <si>
    <t>W Motors1</t>
  </si>
  <si>
    <t>W Motors2</t>
  </si>
  <si>
    <t>Aston Martin2</t>
  </si>
  <si>
    <t>Lamborghini8</t>
  </si>
  <si>
    <t>Aspark3</t>
  </si>
  <si>
    <t>Aspark4</t>
  </si>
  <si>
    <t>Rolls-Royce1</t>
  </si>
  <si>
    <t>Aspark5</t>
  </si>
  <si>
    <t>Aspark6</t>
  </si>
  <si>
    <t>Aspark7</t>
  </si>
  <si>
    <t>Rimac Automobili1</t>
  </si>
  <si>
    <t>Rolls-Royce3</t>
  </si>
  <si>
    <t>Palmkernel Stearine</t>
  </si>
  <si>
    <t>McLaren Automotive3</t>
  </si>
  <si>
    <t>Rolls-Royce4</t>
  </si>
  <si>
    <t>Rimac Automobili2</t>
  </si>
  <si>
    <t>Aspark10</t>
  </si>
  <si>
    <t>Mercedes-Benz2</t>
  </si>
  <si>
    <t>Aston Martin3</t>
  </si>
  <si>
    <t>Lamborghini2</t>
  </si>
  <si>
    <t>Lamborghini3</t>
  </si>
  <si>
    <t>Aston Martin4</t>
  </si>
  <si>
    <t>McLaren Automotive4</t>
  </si>
  <si>
    <t>Mercedes-Benz1</t>
  </si>
  <si>
    <t>McLaren Automotive5</t>
  </si>
  <si>
    <t>Aston Martin5</t>
  </si>
  <si>
    <t>Lamborghini4</t>
  </si>
  <si>
    <t>Lamborghini5</t>
  </si>
  <si>
    <t>Aspark11</t>
  </si>
  <si>
    <t>McLaren Automotive2</t>
  </si>
  <si>
    <t>.</t>
  </si>
  <si>
    <t>Red</t>
  </si>
  <si>
    <t>Blue</t>
  </si>
  <si>
    <t>Orange</t>
  </si>
  <si>
    <t>Pink</t>
  </si>
  <si>
    <t>Magenta</t>
  </si>
  <si>
    <t>Yellow</t>
  </si>
  <si>
    <t>Olive</t>
  </si>
  <si>
    <t>Purple</t>
  </si>
  <si>
    <t>Green</t>
  </si>
  <si>
    <t>Dark Green</t>
  </si>
  <si>
    <t>Light Green</t>
  </si>
  <si>
    <t>Mustard</t>
  </si>
  <si>
    <t>Grey</t>
  </si>
  <si>
    <t>Black</t>
  </si>
  <si>
    <t>White</t>
  </si>
  <si>
    <t>Fuchsia</t>
  </si>
  <si>
    <t>Ochre</t>
  </si>
  <si>
    <t>Lavender</t>
  </si>
  <si>
    <t>Teal</t>
  </si>
  <si>
    <t>Mauvre</t>
  </si>
  <si>
    <t>Dark Purple</t>
  </si>
  <si>
    <t>Lime Green</t>
  </si>
  <si>
    <t>Plum</t>
  </si>
  <si>
    <t>Peach</t>
  </si>
  <si>
    <t>Tan</t>
  </si>
  <si>
    <t>Maroon</t>
  </si>
  <si>
    <t>Liliac</t>
  </si>
  <si>
    <t>Beige</t>
  </si>
  <si>
    <t>Salmon</t>
  </si>
  <si>
    <t>Burgundy</t>
  </si>
  <si>
    <t>Quezon City</t>
  </si>
  <si>
    <t>Manila</t>
  </si>
  <si>
    <t>Davao City</t>
  </si>
  <si>
    <t>Caloocan</t>
  </si>
  <si>
    <t>Cebu City</t>
  </si>
  <si>
    <t>Zamboanga City</t>
  </si>
  <si>
    <t>Taguig</t>
  </si>
  <si>
    <t>Antipolo</t>
  </si>
  <si>
    <t>Pasig</t>
  </si>
  <si>
    <t>Cagayan de Oro</t>
  </si>
  <si>
    <t>Ho Chi Minh City</t>
  </si>
  <si>
    <t>Hanoi</t>
  </si>
  <si>
    <t>Da Nang</t>
  </si>
  <si>
    <t>Hoi An</t>
  </si>
  <si>
    <t>Nha Trang</t>
  </si>
  <si>
    <t>Mui Ne</t>
  </si>
  <si>
    <t>Ha Long Bay</t>
  </si>
  <si>
    <t>Hue</t>
  </si>
  <si>
    <t>Hai Phong</t>
  </si>
  <si>
    <t>Phu Quoc</t>
  </si>
  <si>
    <t>Con Dao</t>
  </si>
  <si>
    <t>Vuang Tau</t>
  </si>
  <si>
    <t>Siem Reap</t>
  </si>
  <si>
    <t>Battambang</t>
  </si>
  <si>
    <t>Serei Saophoan</t>
  </si>
  <si>
    <t>Poipet</t>
  </si>
  <si>
    <t>Ta Khmau</t>
  </si>
  <si>
    <t>Phnom Penh</t>
  </si>
  <si>
    <t>Philippines</t>
  </si>
  <si>
    <t>Vietnam</t>
  </si>
  <si>
    <t>Thailand</t>
  </si>
  <si>
    <t>bonnet</t>
  </si>
  <si>
    <t>bumper</t>
  </si>
  <si>
    <t>cowl screen</t>
  </si>
  <si>
    <t>decklid</t>
  </si>
  <si>
    <t>fender</t>
  </si>
  <si>
    <t>fascia</t>
  </si>
  <si>
    <t>grille</t>
  </si>
  <si>
    <t>quarter panel</t>
  </si>
  <si>
    <t>radiator</t>
  </si>
  <si>
    <t>rocker</t>
  </si>
  <si>
    <t>roof rack</t>
  </si>
  <si>
    <t>spolier</t>
  </si>
  <si>
    <t>trim package</t>
  </si>
  <si>
    <t>trunk</t>
  </si>
  <si>
    <t>Anti-intrusion bar</t>
  </si>
  <si>
    <t>Window regulator</t>
  </si>
  <si>
    <t>pillar</t>
  </si>
  <si>
    <t xml:space="preserve">Windshield </t>
  </si>
  <si>
    <t>Window seal</t>
  </si>
  <si>
    <t>Door latch</t>
  </si>
  <si>
    <t>Door lock</t>
  </si>
  <si>
    <t>valance</t>
  </si>
  <si>
    <t>Radio and media player</t>
  </si>
  <si>
    <t>Speaker</t>
  </si>
  <si>
    <t>Glass</t>
  </si>
  <si>
    <t>Tuner</t>
  </si>
  <si>
    <t>Subwoofer</t>
  </si>
  <si>
    <t>Video player</t>
  </si>
  <si>
    <t>Digital Camera</t>
  </si>
  <si>
    <t>rims</t>
  </si>
  <si>
    <t>Backup camera</t>
  </si>
  <si>
    <t>Dashcam</t>
  </si>
  <si>
    <t>Alternator</t>
  </si>
  <si>
    <t>Hinge</t>
  </si>
  <si>
    <t>Battery</t>
  </si>
  <si>
    <t>Voltage regulator</t>
  </si>
  <si>
    <t>Sunroof</t>
  </si>
  <si>
    <t>Ammeter</t>
  </si>
  <si>
    <t>Clinometer</t>
  </si>
  <si>
    <t>Dynamometer</t>
  </si>
  <si>
    <t>Fuel gauge</t>
  </si>
  <si>
    <t>Manometer</t>
  </si>
  <si>
    <t xml:space="preserve">Odometer </t>
  </si>
  <si>
    <t xml:space="preserve">Fuel tank </t>
  </si>
  <si>
    <t>Speedometer</t>
  </si>
  <si>
    <t xml:space="preserve">Tachometer </t>
  </si>
  <si>
    <t>Tire pressure gauge</t>
  </si>
  <si>
    <t>Hydrometer</t>
  </si>
  <si>
    <t>Voltmeter</t>
  </si>
  <si>
    <t>Antenna assembly</t>
  </si>
  <si>
    <t>Side lighting</t>
  </si>
  <si>
    <t>Brake light</t>
  </si>
  <si>
    <t>Tail light</t>
  </si>
  <si>
    <t>Indicator light</t>
  </si>
  <si>
    <t xml:space="preserve">Turn signal </t>
  </si>
  <si>
    <t>Engine control unit</t>
  </si>
  <si>
    <t>Fuse</t>
  </si>
  <si>
    <t>Ground strap</t>
  </si>
  <si>
    <t>Navigation system</t>
  </si>
  <si>
    <t>Shift improver</t>
  </si>
  <si>
    <t>Remote lock</t>
  </si>
  <si>
    <t>bonner</t>
  </si>
  <si>
    <t>body</t>
  </si>
  <si>
    <t>body1</t>
  </si>
  <si>
    <t>body3</t>
  </si>
  <si>
    <t>body4</t>
  </si>
  <si>
    <t>windows</t>
  </si>
  <si>
    <t>roof</t>
  </si>
  <si>
    <t>glass</t>
  </si>
  <si>
    <t>window seal</t>
  </si>
  <si>
    <t>door</t>
  </si>
  <si>
    <t>video</t>
  </si>
  <si>
    <t>woofer</t>
  </si>
  <si>
    <t>camera</t>
  </si>
  <si>
    <t>dash</t>
  </si>
  <si>
    <t>voltage</t>
  </si>
  <si>
    <t>turn</t>
  </si>
  <si>
    <t>fuel</t>
  </si>
  <si>
    <t>tachmeter</t>
  </si>
  <si>
    <t>side lighting</t>
  </si>
  <si>
    <t>Algeria</t>
  </si>
  <si>
    <t>Cities</t>
  </si>
  <si>
    <t>Villages</t>
  </si>
  <si>
    <t>Baladiyah</t>
  </si>
  <si>
    <t>Algiers</t>
  </si>
  <si>
    <t>Oran</t>
  </si>
  <si>
    <t>Annaba</t>
  </si>
  <si>
    <t>Blida</t>
  </si>
  <si>
    <t>Wilaya</t>
  </si>
  <si>
    <t>Djelfa</t>
  </si>
  <si>
    <t>Sétif</t>
  </si>
  <si>
    <t>Biskra</t>
  </si>
  <si>
    <t>Tiaret</t>
  </si>
  <si>
    <t>Tébessa</t>
  </si>
  <si>
    <t>Chlef</t>
  </si>
  <si>
    <t>Béjaïa</t>
  </si>
  <si>
    <t>Béchar</t>
  </si>
  <si>
    <t>Skikda</t>
  </si>
  <si>
    <t>M'Sila</t>
  </si>
  <si>
    <t>Laghouat</t>
  </si>
  <si>
    <t>Tlemcen</t>
  </si>
  <si>
    <t>Médéa</t>
  </si>
  <si>
    <t>Jijel</t>
  </si>
  <si>
    <t>Ouargla</t>
  </si>
  <si>
    <t>Relizane</t>
  </si>
  <si>
    <t>Saïda</t>
  </si>
  <si>
    <t>Guelma</t>
  </si>
  <si>
    <t>Maghnia</t>
  </si>
  <si>
    <t>Khenchela</t>
  </si>
  <si>
    <t>Barika</t>
  </si>
  <si>
    <t>Messaad</t>
  </si>
  <si>
    <t>Aflou</t>
  </si>
  <si>
    <t>Akbou</t>
  </si>
  <si>
    <t>Boufarik</t>
  </si>
  <si>
    <t>Bouira</t>
  </si>
  <si>
    <t>Cheria</t>
  </si>
  <si>
    <t>Chettia</t>
  </si>
  <si>
    <t>El-Khroub</t>
  </si>
  <si>
    <t>Frenda</t>
  </si>
  <si>
    <t>Ghardaïa</t>
  </si>
  <si>
    <t>Lakhdaria</t>
  </si>
  <si>
    <t>Mecheria</t>
  </si>
  <si>
    <t>Ouenza</t>
  </si>
  <si>
    <t>Rouissat</t>
  </si>
  <si>
    <t>Sedrata</t>
  </si>
  <si>
    <t>Sougueur</t>
  </si>
  <si>
    <t>Taher</t>
  </si>
  <si>
    <t>Turkey</t>
  </si>
  <si>
    <t>Benin</t>
  </si>
  <si>
    <t>Cotonou</t>
  </si>
  <si>
    <t>Parakou</t>
  </si>
  <si>
    <t>Djougou</t>
  </si>
  <si>
    <t>Bohicon</t>
  </si>
  <si>
    <t>Abomey</t>
  </si>
  <si>
    <t>Lokossa</t>
  </si>
  <si>
    <t>Ouidah</t>
  </si>
  <si>
    <t>Athiémè</t>
  </si>
  <si>
    <t>Banikoara</t>
  </si>
  <si>
    <t>Bassila</t>
  </si>
  <si>
    <t>Bembèrèkè</t>
  </si>
  <si>
    <t>Bétérou</t>
  </si>
  <si>
    <t>Boukoumbé</t>
  </si>
  <si>
    <t>Comè</t>
  </si>
  <si>
    <t>Cové</t>
  </si>
  <si>
    <t>Ganvie</t>
  </si>
  <si>
    <t>Godomey</t>
  </si>
  <si>
    <t>Kérou</t>
  </si>
  <si>
    <t>Kétou</t>
  </si>
  <si>
    <t>Kouandé</t>
  </si>
  <si>
    <t>Péhonko</t>
  </si>
  <si>
    <t>Pobè</t>
  </si>
  <si>
    <t>Porga</t>
  </si>
  <si>
    <t>Sakété</t>
  </si>
  <si>
    <t>Savalou</t>
  </si>
  <si>
    <t>Savé</t>
  </si>
  <si>
    <t>Ségbana</t>
  </si>
  <si>
    <t>Tanguiéta</t>
  </si>
  <si>
    <t>Tchaourou</t>
  </si>
  <si>
    <t>Mahalapye</t>
  </si>
  <si>
    <t>Botswana</t>
  </si>
  <si>
    <t>Gaborone</t>
  </si>
  <si>
    <t>Serowe</t>
  </si>
  <si>
    <t>Mochudi</t>
  </si>
  <si>
    <t>Lobatse</t>
  </si>
  <si>
    <t>Palapye</t>
  </si>
  <si>
    <t>Ramotswa</t>
  </si>
  <si>
    <t>Moshupa</t>
  </si>
  <si>
    <t>Tlokweng</t>
  </si>
  <si>
    <t>Bobonong</t>
  </si>
  <si>
    <t>Thamaga</t>
  </si>
  <si>
    <t>Tonota</t>
  </si>
  <si>
    <t>Mmadinare</t>
  </si>
  <si>
    <t>Jwaneng</t>
  </si>
  <si>
    <t>Tutume</t>
  </si>
  <si>
    <t>Gabane</t>
  </si>
  <si>
    <t>Shoshong</t>
  </si>
  <si>
    <t>Ghanzi</t>
  </si>
  <si>
    <t>Orapa</t>
  </si>
  <si>
    <t>Kopong</t>
  </si>
  <si>
    <t>Mmopane</t>
  </si>
  <si>
    <t>Kasane</t>
  </si>
  <si>
    <t>Shakawe</t>
  </si>
  <si>
    <t>Gumare</t>
  </si>
  <si>
    <t>Tshabong</t>
  </si>
  <si>
    <t>Lerala</t>
  </si>
  <si>
    <t>Mmathethe</t>
  </si>
  <si>
    <t>Gweta</t>
  </si>
  <si>
    <t>Mmankgodi</t>
  </si>
  <si>
    <t>Maitengwe</t>
  </si>
  <si>
    <t>Rakops</t>
  </si>
  <si>
    <t>Dukwi</t>
  </si>
  <si>
    <t>Mopipi</t>
  </si>
  <si>
    <t>Otse</t>
  </si>
  <si>
    <t>Sefophe</t>
  </si>
  <si>
    <t>Sehithwa</t>
  </si>
  <si>
    <t>Tumasera</t>
  </si>
  <si>
    <t>Seleka</t>
  </si>
  <si>
    <t>Moiyabana</t>
  </si>
  <si>
    <t>Bokaa</t>
  </si>
  <si>
    <t>Hukuntsi</t>
  </si>
  <si>
    <t>Tobane</t>
  </si>
  <si>
    <t>Nkange</t>
  </si>
  <si>
    <t>Sebina</t>
  </si>
  <si>
    <t>Oodi</t>
  </si>
  <si>
    <t>Kumakwane</t>
  </si>
  <si>
    <t>Toteng</t>
  </si>
  <si>
    <t>Shorobe</t>
  </si>
  <si>
    <t>Thabala</t>
  </si>
  <si>
    <t>Ranaka</t>
  </si>
  <si>
    <t>Marobela</t>
  </si>
  <si>
    <t>Masunga</t>
  </si>
  <si>
    <t>Malolwane</t>
  </si>
  <si>
    <t>Borolong</t>
  </si>
  <si>
    <t>Nokaneng</t>
  </si>
  <si>
    <t>Chadibe</t>
  </si>
  <si>
    <t>Seronga</t>
  </si>
  <si>
    <t>Mookane</t>
  </si>
  <si>
    <t>Banfora</t>
  </si>
  <si>
    <t>Koudougou</t>
  </si>
  <si>
    <t>Aribinda</t>
  </si>
  <si>
    <t>Bogandé</t>
  </si>
  <si>
    <t>Boromo</t>
  </si>
  <si>
    <t>Boulsa</t>
  </si>
  <si>
    <t>Boussé</t>
  </si>
  <si>
    <t>Dédougou</t>
  </si>
  <si>
    <t>Diapaga</t>
  </si>
  <si>
    <t>Diébougou</t>
  </si>
  <si>
    <t>Djibo</t>
  </si>
  <si>
    <t>Gaoua</t>
  </si>
  <si>
    <t>Garango</t>
  </si>
  <si>
    <t>Gayéri</t>
  </si>
  <si>
    <t>Gourcy</t>
  </si>
  <si>
    <t>Houndé</t>
  </si>
  <si>
    <t>Kantchari</t>
  </si>
  <si>
    <t>Kokologo</t>
  </si>
  <si>
    <t>Kongoussi</t>
  </si>
  <si>
    <t>Kordié</t>
  </si>
  <si>
    <t>Koupéla</t>
  </si>
  <si>
    <t>Loropeni</t>
  </si>
  <si>
    <t>Méguet</t>
  </si>
  <si>
    <t>Mogtedo</t>
  </si>
  <si>
    <t>Nouna</t>
  </si>
  <si>
    <t>Orodara</t>
  </si>
  <si>
    <t>Ouargaye</t>
  </si>
  <si>
    <t>Pissila</t>
  </si>
  <si>
    <t>Pô</t>
  </si>
  <si>
    <t>Pouytenga</t>
  </si>
  <si>
    <t>Réo</t>
  </si>
  <si>
    <t>Sapouy</t>
  </si>
  <si>
    <t>Sebba</t>
  </si>
  <si>
    <t>Sindou</t>
  </si>
  <si>
    <t>Solenzo</t>
  </si>
  <si>
    <t>Tenkodogo</t>
  </si>
  <si>
    <t>Tikaré</t>
  </si>
  <si>
    <t>Titao</t>
  </si>
  <si>
    <t>Tougan</t>
  </si>
  <si>
    <t>Ziniaré</t>
  </si>
  <si>
    <t>Zorgo</t>
  </si>
  <si>
    <t>Bujumbura</t>
  </si>
  <si>
    <t>Burundi</t>
  </si>
  <si>
    <t>Gitega</t>
  </si>
  <si>
    <t>Bubanza</t>
  </si>
  <si>
    <t>Bururi</t>
  </si>
  <si>
    <t>Cankuzo</t>
  </si>
  <si>
    <t>Cibitoke</t>
  </si>
  <si>
    <t>Karuzi</t>
  </si>
  <si>
    <t>Kayanza</t>
  </si>
  <si>
    <t>Kibondo</t>
  </si>
  <si>
    <t>Kirundo</t>
  </si>
  <si>
    <t>Kisozi</t>
  </si>
  <si>
    <t>Luhwa</t>
  </si>
  <si>
    <t>Muramvya</t>
  </si>
  <si>
    <t>Musenyi</t>
  </si>
  <si>
    <t>Muyaga</t>
  </si>
  <si>
    <t>Muyinga</t>
  </si>
  <si>
    <t>Mwaro</t>
  </si>
  <si>
    <t>Rumonge</t>
  </si>
  <si>
    <t>Rutana</t>
  </si>
  <si>
    <t>Ruyigi</t>
  </si>
  <si>
    <t>Ruzunga</t>
  </si>
  <si>
    <t>Zanandore</t>
  </si>
  <si>
    <t>Urewe</t>
  </si>
  <si>
    <t>Ikiza</t>
  </si>
  <si>
    <t>Chad</t>
  </si>
  <si>
    <t>Arabic</t>
  </si>
  <si>
    <t>N'Djamena</t>
  </si>
  <si>
    <t>Moundou</t>
  </si>
  <si>
    <t>Abéché</t>
  </si>
  <si>
    <t>Abou-Deïa</t>
  </si>
  <si>
    <t>Adré</t>
  </si>
  <si>
    <t>Amdjarass</t>
  </si>
  <si>
    <t>Baïbokoum</t>
  </si>
  <si>
    <t>Bébédjia</t>
  </si>
  <si>
    <t>Béboto</t>
  </si>
  <si>
    <t>Beinamar</t>
  </si>
  <si>
    <t>Bénoye</t>
  </si>
  <si>
    <t>Bitkine</t>
  </si>
  <si>
    <t>Bokoro</t>
  </si>
  <si>
    <t>Bongor</t>
  </si>
  <si>
    <t>Bousso</t>
  </si>
  <si>
    <t>Djédaa</t>
  </si>
  <si>
    <t>Dourbali</t>
  </si>
  <si>
    <t>Fianga</t>
  </si>
  <si>
    <t>Gaoui</t>
  </si>
  <si>
    <t>Goundi</t>
  </si>
  <si>
    <t>Guéréda</t>
  </si>
  <si>
    <t>Haraze</t>
  </si>
  <si>
    <t>Iriba</t>
  </si>
  <si>
    <t>Kélo</t>
  </si>
  <si>
    <t>Koumra</t>
  </si>
  <si>
    <t>Kyabé</t>
  </si>
  <si>
    <t>Laï</t>
  </si>
  <si>
    <t>Massaguet</t>
  </si>
  <si>
    <t>Massakory</t>
  </si>
  <si>
    <t>Massenya</t>
  </si>
  <si>
    <t>Moïssala</t>
  </si>
  <si>
    <t>Moussoro</t>
  </si>
  <si>
    <t>Ngama</t>
  </si>
  <si>
    <t>Ouara</t>
  </si>
  <si>
    <t>Sarh</t>
  </si>
  <si>
    <t>Gabon</t>
  </si>
  <si>
    <t>Oyem</t>
  </si>
  <si>
    <t>Moanda</t>
  </si>
  <si>
    <t>Mouila</t>
  </si>
  <si>
    <t>Ngounié</t>
  </si>
  <si>
    <t>Lambaréné</t>
  </si>
  <si>
    <t>Tchibanga</t>
  </si>
  <si>
    <t>Makokou</t>
  </si>
  <si>
    <t>Akanda</t>
  </si>
  <si>
    <t>Akok</t>
  </si>
  <si>
    <t>Bakoumba</t>
  </si>
  <si>
    <t>Batouala</t>
  </si>
  <si>
    <t>Belinga</t>
  </si>
  <si>
    <t>Bifoun</t>
  </si>
  <si>
    <t>Bitam</t>
  </si>
  <si>
    <t>Booué</t>
  </si>
  <si>
    <t>Cocobeach</t>
  </si>
  <si>
    <t>Ekata</t>
  </si>
  <si>
    <t>Étéké</t>
  </si>
  <si>
    <t>Fougamou</t>
  </si>
  <si>
    <t>Kango</t>
  </si>
  <si>
    <t>Lalara</t>
  </si>
  <si>
    <t>Mayumba</t>
  </si>
  <si>
    <t>Mbigou</t>
  </si>
  <si>
    <t>Médouneu</t>
  </si>
  <si>
    <t>Mékambo</t>
  </si>
  <si>
    <t>Mimongo</t>
  </si>
  <si>
    <t>Minvoul</t>
  </si>
  <si>
    <t>Mitzic</t>
  </si>
  <si>
    <t>Mounana</t>
  </si>
  <si>
    <t>Ndendé</t>
  </si>
  <si>
    <t>Ndjolé</t>
  </si>
  <si>
    <t>Nkan</t>
  </si>
  <si>
    <t>Nkolabona</t>
  </si>
  <si>
    <t>Ntoum</t>
  </si>
  <si>
    <t>Okandja</t>
  </si>
  <si>
    <t>Omboué</t>
  </si>
  <si>
    <t>Owendo</t>
  </si>
  <si>
    <t>Tsogni</t>
  </si>
  <si>
    <t>Zoula</t>
  </si>
  <si>
    <t>Mombasa</t>
  </si>
  <si>
    <t>Kisumu</t>
  </si>
  <si>
    <t>Nakuru</t>
  </si>
  <si>
    <t>Eldoret</t>
  </si>
  <si>
    <t>City</t>
  </si>
  <si>
    <t>Kenya</t>
  </si>
  <si>
    <t>Nairobi</t>
  </si>
  <si>
    <t>Malindi</t>
  </si>
  <si>
    <t>Baragoi</t>
  </si>
  <si>
    <t>Bungoma</t>
  </si>
  <si>
    <t>Butere</t>
  </si>
  <si>
    <t>Dadaab</t>
  </si>
  <si>
    <t>Emali</t>
  </si>
  <si>
    <t>Garissa</t>
  </si>
  <si>
    <t>Isiolo</t>
  </si>
  <si>
    <t>Kitui</t>
  </si>
  <si>
    <t>Kibwezi</t>
  </si>
  <si>
    <t>Kajiado</t>
  </si>
  <si>
    <t>Kakamega</t>
  </si>
  <si>
    <t>Kakuma</t>
  </si>
  <si>
    <t>Kericho</t>
  </si>
  <si>
    <t>Keroka</t>
  </si>
  <si>
    <t>Kiambu</t>
  </si>
  <si>
    <t>Kilifi</t>
  </si>
  <si>
    <t>Kitale</t>
  </si>
  <si>
    <t>Langata</t>
  </si>
  <si>
    <t>Litein</t>
  </si>
  <si>
    <t>Lodwar</t>
  </si>
  <si>
    <t>Londiani</t>
  </si>
  <si>
    <t>Machakos</t>
  </si>
  <si>
    <t>Makindu</t>
  </si>
  <si>
    <t>Mandera</t>
  </si>
  <si>
    <t>Maralal</t>
  </si>
  <si>
    <t>Marsabit</t>
  </si>
  <si>
    <t>Moyale</t>
  </si>
  <si>
    <t>Mumias</t>
  </si>
  <si>
    <t>Muranga</t>
  </si>
  <si>
    <t>Mutomo</t>
  </si>
  <si>
    <t>Naivasha</t>
  </si>
  <si>
    <t>Namanga</t>
  </si>
  <si>
    <t>Nanyuki</t>
  </si>
  <si>
    <t>Narok</t>
  </si>
  <si>
    <t>Nyahururu</t>
  </si>
  <si>
    <t>Nyeri</t>
  </si>
  <si>
    <t>Ruiru</t>
  </si>
  <si>
    <t>Shimoni</t>
  </si>
  <si>
    <t>Takaungu</t>
  </si>
  <si>
    <t>Thika</t>
  </si>
  <si>
    <t>Vihiga</t>
  </si>
  <si>
    <t>Voi</t>
  </si>
  <si>
    <t>Wajir</t>
  </si>
  <si>
    <t>Watamu</t>
  </si>
  <si>
    <t>Webuye</t>
  </si>
  <si>
    <t>Wundanyi</t>
  </si>
  <si>
    <t>Engsh</t>
  </si>
  <si>
    <t>Monrovia</t>
  </si>
  <si>
    <t>Liberia</t>
  </si>
  <si>
    <t>Bopolu</t>
  </si>
  <si>
    <t>Buutuo</t>
  </si>
  <si>
    <t>Ganta</t>
  </si>
  <si>
    <t>Gbarnga</t>
  </si>
  <si>
    <t>Harbel</t>
  </si>
  <si>
    <t>Kakata</t>
  </si>
  <si>
    <t>Pleebo</t>
  </si>
  <si>
    <t>Sacleipea</t>
  </si>
  <si>
    <t>Tuzon</t>
  </si>
  <si>
    <t>Voinjama</t>
  </si>
  <si>
    <t>Yekepa</t>
  </si>
  <si>
    <t>Zorzor</t>
  </si>
  <si>
    <t>Zwedru</t>
  </si>
  <si>
    <t>Buchanan</t>
  </si>
  <si>
    <t>Foya</t>
  </si>
  <si>
    <t>Maseru</t>
  </si>
  <si>
    <t>Lesotho</t>
  </si>
  <si>
    <t>Mafeteng</t>
  </si>
  <si>
    <t>Hlotse</t>
  </si>
  <si>
    <t>Maputsoe</t>
  </si>
  <si>
    <t>Quthing</t>
  </si>
  <si>
    <t>Tripoli</t>
  </si>
  <si>
    <t>Libya</t>
  </si>
  <si>
    <t>Sabratha</t>
  </si>
  <si>
    <t>Misurata</t>
  </si>
  <si>
    <t>Tobruk</t>
  </si>
  <si>
    <t>Sirte</t>
  </si>
  <si>
    <t>Ghadames</t>
  </si>
  <si>
    <t>Tajura</t>
  </si>
  <si>
    <t>Ubari</t>
  </si>
  <si>
    <t>Benghazi</t>
  </si>
  <si>
    <t>Misrata</t>
  </si>
  <si>
    <t>Zliten</t>
  </si>
  <si>
    <t>Ajdabiya</t>
  </si>
  <si>
    <t>Zuwara</t>
  </si>
  <si>
    <t>Kufra</t>
  </si>
  <si>
    <t>Tocra</t>
  </si>
  <si>
    <t>Tarhuna</t>
  </si>
  <si>
    <t>Gharyan</t>
  </si>
  <si>
    <t>Msallata</t>
  </si>
  <si>
    <t>Sorman</t>
  </si>
  <si>
    <t>Shahhat</t>
  </si>
  <si>
    <t>Asbi'a</t>
  </si>
  <si>
    <t>Nofaliya</t>
  </si>
  <si>
    <t>Regdalin</t>
  </si>
  <si>
    <t>Tawergha</t>
  </si>
  <si>
    <t>Murzuk</t>
  </si>
  <si>
    <t>Brega</t>
  </si>
  <si>
    <t>Jalu</t>
  </si>
  <si>
    <t>Ajaylat</t>
  </si>
  <si>
    <t>Nalut</t>
  </si>
  <si>
    <t>Suluq</t>
  </si>
  <si>
    <t>Zaltan</t>
  </si>
  <si>
    <t>Mizda</t>
  </si>
  <si>
    <t>Yafran</t>
  </si>
  <si>
    <t>Taucheira</t>
  </si>
  <si>
    <t>Qaminis</t>
  </si>
  <si>
    <t>Qatrun</t>
  </si>
  <si>
    <t>Benina</t>
  </si>
  <si>
    <t>Kikla</t>
  </si>
  <si>
    <t>Awjila</t>
  </si>
  <si>
    <t>Tolmeita</t>
  </si>
  <si>
    <t>Martuba</t>
  </si>
  <si>
    <t>Traghan</t>
  </si>
  <si>
    <t>Qayqab</t>
  </si>
  <si>
    <t>Bu-Fakhra</t>
  </si>
  <si>
    <t>Musaid</t>
  </si>
  <si>
    <t>Tacnis</t>
  </si>
  <si>
    <t>Tazirbu</t>
  </si>
  <si>
    <t>Farzougha</t>
  </si>
  <si>
    <t>Yahoo</t>
  </si>
  <si>
    <t>Toamasina</t>
  </si>
  <si>
    <t>Antsirabe</t>
  </si>
  <si>
    <t>Mahajanga</t>
  </si>
  <si>
    <t>Boeny</t>
  </si>
  <si>
    <t>Toliara</t>
  </si>
  <si>
    <t>Ambalavao</t>
  </si>
  <si>
    <t>Ambanja</t>
  </si>
  <si>
    <t>Melaky</t>
  </si>
  <si>
    <t>Ambenja</t>
  </si>
  <si>
    <t>Ambilobe</t>
  </si>
  <si>
    <t>Amboasary</t>
  </si>
  <si>
    <t>Anosy</t>
  </si>
  <si>
    <t>Ambositra</t>
  </si>
  <si>
    <t>Ampanihy</t>
  </si>
  <si>
    <t>Analalava</t>
  </si>
  <si>
    <t>Andapa</t>
  </si>
  <si>
    <t>Ankazoabo</t>
  </si>
  <si>
    <t>Ankazobe</t>
  </si>
  <si>
    <t>Antalaha</t>
  </si>
  <si>
    <t>Antsalova</t>
  </si>
  <si>
    <t>Antsohihy</t>
  </si>
  <si>
    <t>Itasy</t>
  </si>
  <si>
    <t>Bealanana</t>
  </si>
  <si>
    <t>Befotaka</t>
  </si>
  <si>
    <t>Bekily</t>
  </si>
  <si>
    <t>Androy</t>
  </si>
  <si>
    <t>Beloha</t>
  </si>
  <si>
    <t>Menabe</t>
  </si>
  <si>
    <t>Benenitra</t>
  </si>
  <si>
    <t>Beroroha</t>
  </si>
  <si>
    <t>Besalampy</t>
  </si>
  <si>
    <t>Betafo</t>
  </si>
  <si>
    <t>Betioky</t>
  </si>
  <si>
    <t>Betroka</t>
  </si>
  <si>
    <t>Boriziny</t>
  </si>
  <si>
    <t>Fandriana</t>
  </si>
  <si>
    <t>Faratsiho</t>
  </si>
  <si>
    <t>Bongolava</t>
  </si>
  <si>
    <t>Iakora</t>
  </si>
  <si>
    <t>Ihorombe</t>
  </si>
  <si>
    <t>Ihosy</t>
  </si>
  <si>
    <t>Ikongo</t>
  </si>
  <si>
    <t>Ivohibe</t>
  </si>
  <si>
    <t>Kandreho</t>
  </si>
  <si>
    <t>Betsiboka</t>
  </si>
  <si>
    <t>Mahabo</t>
  </si>
  <si>
    <t>Mahanoro</t>
  </si>
  <si>
    <t>Mampikony</t>
  </si>
  <si>
    <t>Manakara</t>
  </si>
  <si>
    <t>Marolambo</t>
  </si>
  <si>
    <t>Marovoay</t>
  </si>
  <si>
    <t>Mitsinjo</t>
  </si>
  <si>
    <t>Moramanga</t>
  </si>
  <si>
    <t>Morombe</t>
  </si>
  <si>
    <t>Morondava</t>
  </si>
  <si>
    <t>Sakaraha</t>
  </si>
  <si>
    <t>Sambava</t>
  </si>
  <si>
    <t>Soalala</t>
  </si>
  <si>
    <t>Tôlanaro</t>
  </si>
  <si>
    <t>Tsiombe</t>
  </si>
  <si>
    <t>Vohemar</t>
  </si>
  <si>
    <t>Vohipeno</t>
  </si>
  <si>
    <t>Vondrozo</t>
  </si>
  <si>
    <t>Lilongwe</t>
  </si>
  <si>
    <t>Malawi</t>
  </si>
  <si>
    <t>Chitipa</t>
  </si>
  <si>
    <t>Chilumba</t>
  </si>
  <si>
    <t>Ekwendeni</t>
  </si>
  <si>
    <t>Karonga</t>
  </si>
  <si>
    <t>Mzimba</t>
  </si>
  <si>
    <t>Mzuzu</t>
  </si>
  <si>
    <t>Rumphi</t>
  </si>
  <si>
    <t>Chipoka</t>
  </si>
  <si>
    <t>Dedza</t>
  </si>
  <si>
    <t>Kasungu</t>
  </si>
  <si>
    <t>Mchinji</t>
  </si>
  <si>
    <t>Mponela</t>
  </si>
  <si>
    <t>Namitete</t>
  </si>
  <si>
    <t>Nathenje</t>
  </si>
  <si>
    <t>Nkhoma</t>
  </si>
  <si>
    <t>Ntcheu</t>
  </si>
  <si>
    <t>Ntchisi</t>
  </si>
  <si>
    <t>Bangula</t>
  </si>
  <si>
    <t>Chikwawa</t>
  </si>
  <si>
    <t>Chiwembe</t>
  </si>
  <si>
    <t>Domasi</t>
  </si>
  <si>
    <t>Liwonde</t>
  </si>
  <si>
    <t>Luchenza</t>
  </si>
  <si>
    <t>Malosa</t>
  </si>
  <si>
    <t>Mangochi</t>
  </si>
  <si>
    <t>Mulanje</t>
  </si>
  <si>
    <t>Nkaya</t>
  </si>
  <si>
    <t>Nsanje</t>
  </si>
  <si>
    <t>Phalombe</t>
  </si>
  <si>
    <t>Thyolo</t>
  </si>
  <si>
    <t>Zalewa</t>
  </si>
  <si>
    <t>Morocco</t>
  </si>
  <si>
    <t>Fes</t>
  </si>
  <si>
    <t>Tangier</t>
  </si>
  <si>
    <t>Marrakesh</t>
  </si>
  <si>
    <t>Salé</t>
  </si>
  <si>
    <t>Meknes</t>
  </si>
  <si>
    <t>Rabat</t>
  </si>
  <si>
    <t>Oujda</t>
  </si>
  <si>
    <t>Kenitra</t>
  </si>
  <si>
    <t>Agadir</t>
  </si>
  <si>
    <t>Tetouan</t>
  </si>
  <si>
    <t>Temara</t>
  </si>
  <si>
    <t>Khouribga</t>
  </si>
  <si>
    <t>Nador</t>
  </si>
  <si>
    <t>Taza</t>
  </si>
  <si>
    <t>Settat</t>
  </si>
  <si>
    <t>Berrechid</t>
  </si>
  <si>
    <t>Khemisset</t>
  </si>
  <si>
    <t>Inezgane</t>
  </si>
  <si>
    <t>Larache</t>
  </si>
  <si>
    <t>Guelmim</t>
  </si>
  <si>
    <t>Khenifra</t>
  </si>
  <si>
    <t>Berkane</t>
  </si>
  <si>
    <t>Bouskoura</t>
  </si>
  <si>
    <t>Guercif</t>
  </si>
  <si>
    <t>Tifelt</t>
  </si>
  <si>
    <t>Lqliaa</t>
  </si>
  <si>
    <t>Taroudant</t>
  </si>
  <si>
    <t>Sefrou</t>
  </si>
  <si>
    <t>Essaouira</t>
  </si>
  <si>
    <t>Fnideq</t>
  </si>
  <si>
    <t>Tiznit</t>
  </si>
  <si>
    <t>Tan-Tan</t>
  </si>
  <si>
    <t>Martil</t>
  </si>
  <si>
    <t>Skhirat</t>
  </si>
  <si>
    <t>Ouazzane</t>
  </si>
  <si>
    <t>M'diq</t>
  </si>
  <si>
    <t>Midelt</t>
  </si>
  <si>
    <t>Azrou</t>
  </si>
  <si>
    <t>Drargua</t>
  </si>
  <si>
    <t>Ouislane</t>
  </si>
  <si>
    <t>Toulal</t>
  </si>
  <si>
    <t>IMF</t>
  </si>
  <si>
    <t>Maputo</t>
  </si>
  <si>
    <t>Angoche</t>
  </si>
  <si>
    <t>Bilene</t>
  </si>
  <si>
    <t>Catandica</t>
  </si>
  <si>
    <t>Chibuto</t>
  </si>
  <si>
    <t>Chimoio</t>
  </si>
  <si>
    <t>Chinde</t>
  </si>
  <si>
    <t>Cuamba</t>
  </si>
  <si>
    <t>Gurúè</t>
  </si>
  <si>
    <t>Lichinga</t>
  </si>
  <si>
    <t>Matola</t>
  </si>
  <si>
    <t>Moatize</t>
  </si>
  <si>
    <t>Mocuba</t>
  </si>
  <si>
    <t>Montepuez</t>
  </si>
  <si>
    <t>Mueda</t>
  </si>
  <si>
    <t>Naamcha</t>
  </si>
  <si>
    <t>Nacala</t>
  </si>
  <si>
    <t>Nampula</t>
  </si>
  <si>
    <t>Quelimane</t>
  </si>
  <si>
    <t>Tete</t>
  </si>
  <si>
    <t>Vilankulo</t>
  </si>
  <si>
    <t>Xai-Xai</t>
  </si>
  <si>
    <t>RENAMO</t>
  </si>
  <si>
    <t>FRELIMO</t>
  </si>
  <si>
    <t>Windhoek</t>
  </si>
  <si>
    <t>Namibia</t>
  </si>
  <si>
    <t>Okahandja</t>
  </si>
  <si>
    <t>Outjo</t>
  </si>
  <si>
    <t>Gobabis</t>
  </si>
  <si>
    <t>Tsumeb</t>
  </si>
  <si>
    <t>Karasburg</t>
  </si>
  <si>
    <t>Lüderitz</t>
  </si>
  <si>
    <t>Karibib</t>
  </si>
  <si>
    <t>Usakos</t>
  </si>
  <si>
    <t>Aranos</t>
  </si>
  <si>
    <t>Rundu</t>
  </si>
  <si>
    <t>Khorixas</t>
  </si>
  <si>
    <t>Opuwo</t>
  </si>
  <si>
    <t>Eenhana</t>
  </si>
  <si>
    <t>Okahao</t>
  </si>
  <si>
    <t>Oshikuku</t>
  </si>
  <si>
    <t>Outapi</t>
  </si>
  <si>
    <t>Ruacana</t>
  </si>
  <si>
    <t>Oshakati</t>
  </si>
  <si>
    <t>Ondangwa</t>
  </si>
  <si>
    <t>Ongwediva</t>
  </si>
  <si>
    <t>Omuthiya</t>
  </si>
  <si>
    <t>Oniipa</t>
  </si>
  <si>
    <t>Okakarara</t>
  </si>
  <si>
    <t>Otavi</t>
  </si>
  <si>
    <t>Niger</t>
  </si>
  <si>
    <t>Niamey</t>
  </si>
  <si>
    <t>Zinder</t>
  </si>
  <si>
    <t>Agadez</t>
  </si>
  <si>
    <t>Abalak</t>
  </si>
  <si>
    <t>Aguie</t>
  </si>
  <si>
    <t>Arlit</t>
  </si>
  <si>
    <t>Ayourou</t>
  </si>
  <si>
    <t>Bouza</t>
  </si>
  <si>
    <t>Dakoro</t>
  </si>
  <si>
    <t>Diffa</t>
  </si>
  <si>
    <t>Filingué</t>
  </si>
  <si>
    <t>Gazaoua</t>
  </si>
  <si>
    <t>Gouré</t>
  </si>
  <si>
    <t>Illéla</t>
  </si>
  <si>
    <t>Madaoua</t>
  </si>
  <si>
    <t>Magaria</t>
  </si>
  <si>
    <t>Matameye</t>
  </si>
  <si>
    <t>Mayahi</t>
  </si>
  <si>
    <t>Nguigmi</t>
  </si>
  <si>
    <t>Ouallam</t>
  </si>
  <si>
    <t>Tahoua</t>
  </si>
  <si>
    <t>Tânout</t>
  </si>
  <si>
    <t>Téra</t>
  </si>
  <si>
    <t>Tessaoua</t>
  </si>
  <si>
    <t>Tibiri</t>
  </si>
  <si>
    <t>Tillabéri</t>
  </si>
  <si>
    <t>Torodi</t>
  </si>
  <si>
    <t>Aouderas</t>
  </si>
  <si>
    <t>Assamakka</t>
  </si>
  <si>
    <t>Assodé</t>
  </si>
  <si>
    <t>Bilma</t>
  </si>
  <si>
    <t>Fachi</t>
  </si>
  <si>
    <t>Iferouane</t>
  </si>
  <si>
    <t>In-Gall</t>
  </si>
  <si>
    <t>Madama</t>
  </si>
  <si>
    <t>Timia</t>
  </si>
  <si>
    <t>Gueskérou</t>
  </si>
  <si>
    <t>Galmi</t>
  </si>
  <si>
    <t>Dabnou</t>
  </si>
  <si>
    <t>Korahane</t>
  </si>
  <si>
    <t>Diagorou</t>
  </si>
  <si>
    <t>Matankari</t>
  </si>
  <si>
    <t>Takieta</t>
  </si>
  <si>
    <t>Soudouré</t>
  </si>
  <si>
    <t>Lagos</t>
  </si>
  <si>
    <t>Ibadan</t>
  </si>
  <si>
    <t>Nigeria</t>
  </si>
  <si>
    <t>Abakaliki</t>
  </si>
  <si>
    <t>Abeokuta</t>
  </si>
  <si>
    <t>Abuja</t>
  </si>
  <si>
    <t>Afikpo</t>
  </si>
  <si>
    <t>Akpawfu</t>
  </si>
  <si>
    <t>Akure</t>
  </si>
  <si>
    <t>Awgu</t>
  </si>
  <si>
    <t>Awka</t>
  </si>
  <si>
    <t>Bauchi</t>
  </si>
  <si>
    <t>Bida</t>
  </si>
  <si>
    <t>Buguma</t>
  </si>
  <si>
    <t>Calabar</t>
  </si>
  <si>
    <t>Damaturu</t>
  </si>
  <si>
    <t>Dutse</t>
  </si>
  <si>
    <t>Eket</t>
  </si>
  <si>
    <t>Enugu</t>
  </si>
  <si>
    <t>Gusau</t>
  </si>
  <si>
    <t>Ife</t>
  </si>
  <si>
    <t>Ikeja</t>
  </si>
  <si>
    <t>Ikirun</t>
  </si>
  <si>
    <t>Ilorin</t>
  </si>
  <si>
    <t>Jalingo</t>
  </si>
  <si>
    <t>Jebba</t>
  </si>
  <si>
    <t>Jimeta</t>
  </si>
  <si>
    <t>Jos</t>
  </si>
  <si>
    <t>Kabba</t>
  </si>
  <si>
    <t>Kaduna</t>
  </si>
  <si>
    <t>Katsina</t>
  </si>
  <si>
    <t>Kontagora</t>
  </si>
  <si>
    <t>Kumariya</t>
  </si>
  <si>
    <t>Lafia</t>
  </si>
  <si>
    <t>Lekki</t>
  </si>
  <si>
    <t>Lokoja</t>
  </si>
  <si>
    <t>Maiduguri</t>
  </si>
  <si>
    <t>Makurdi</t>
  </si>
  <si>
    <t>Minna</t>
  </si>
  <si>
    <t>Nnewi</t>
  </si>
  <si>
    <t>Nsukka</t>
  </si>
  <si>
    <t>Ogbomoso</t>
  </si>
  <si>
    <t>Onitsha</t>
  </si>
  <si>
    <t>Okene</t>
  </si>
  <si>
    <t>Ogaminana</t>
  </si>
  <si>
    <t>Omu-Aran</t>
  </si>
  <si>
    <t>Oshogbo</t>
  </si>
  <si>
    <t>Owerri</t>
  </si>
  <si>
    <t>Owo</t>
  </si>
  <si>
    <t>Potiskum</t>
  </si>
  <si>
    <t>Sokoto</t>
  </si>
  <si>
    <t>Suleja</t>
  </si>
  <si>
    <t>Umuahia</t>
  </si>
  <si>
    <t>Uyo</t>
  </si>
  <si>
    <t>Warri</t>
  </si>
  <si>
    <t>Wukari</t>
  </si>
  <si>
    <t>Yenagoa</t>
  </si>
  <si>
    <t>Zaria</t>
  </si>
  <si>
    <t>Dakar</t>
  </si>
  <si>
    <t>Thiès</t>
  </si>
  <si>
    <t>Rufisque</t>
  </si>
  <si>
    <t>Kaolack</t>
  </si>
  <si>
    <t>M'Bour</t>
  </si>
  <si>
    <t>Diourbel</t>
  </si>
  <si>
    <t>Louga</t>
  </si>
  <si>
    <t>Kolda</t>
  </si>
  <si>
    <t>Mbacké</t>
  </si>
  <si>
    <t>Tivaouane</t>
  </si>
  <si>
    <t>Kaffrine</t>
  </si>
  <si>
    <t>Dahra</t>
  </si>
  <si>
    <t>Bignona</t>
  </si>
  <si>
    <t>Fatick</t>
  </si>
  <si>
    <t>Bambey</t>
  </si>
  <si>
    <t>Vélingara</t>
  </si>
  <si>
    <t>Sédhiou</t>
  </si>
  <si>
    <t>Kédougou</t>
  </si>
  <si>
    <t>Nguékhokh</t>
  </si>
  <si>
    <t>Mékhé</t>
  </si>
  <si>
    <t>Kébémer</t>
  </si>
  <si>
    <t>Koungheul</t>
  </si>
  <si>
    <t>Mboro</t>
  </si>
  <si>
    <t>Linguère</t>
  </si>
  <si>
    <t>Sokone</t>
  </si>
  <si>
    <t>Goudomp</t>
  </si>
  <si>
    <t>Thiadiaye</t>
  </si>
  <si>
    <t>Ndioum</t>
  </si>
  <si>
    <t>Khombole</t>
  </si>
  <si>
    <t>Gossas</t>
  </si>
  <si>
    <t>Kidira</t>
  </si>
  <si>
    <t>Pikine</t>
  </si>
  <si>
    <t>Podor</t>
  </si>
  <si>
    <t>Yoff</t>
  </si>
  <si>
    <t>Senegal</t>
  </si>
  <si>
    <t>Casamance</t>
  </si>
  <si>
    <t>Somalia</t>
  </si>
  <si>
    <t>Abaareey</t>
  </si>
  <si>
    <t>Abudwak</t>
  </si>
  <si>
    <t>Adado</t>
  </si>
  <si>
    <t>Afgooye</t>
  </si>
  <si>
    <t>Afmadow</t>
  </si>
  <si>
    <t>Baidoa</t>
  </si>
  <si>
    <t>Balcad</t>
  </si>
  <si>
    <t>Barawa</t>
  </si>
  <si>
    <t>Bardera</t>
  </si>
  <si>
    <t>Beledhawo</t>
  </si>
  <si>
    <t>Buloburde</t>
  </si>
  <si>
    <t>Beyra</t>
  </si>
  <si>
    <t>Bibi</t>
  </si>
  <si>
    <t>Bu'aale</t>
  </si>
  <si>
    <t>Burane</t>
  </si>
  <si>
    <t>Burco</t>
  </si>
  <si>
    <t>Burgaban</t>
  </si>
  <si>
    <t>Burtinle</t>
  </si>
  <si>
    <t>Ceeldheer</t>
  </si>
  <si>
    <t>Cadale</t>
  </si>
  <si>
    <t>Cadaley</t>
  </si>
  <si>
    <t>Ceelbuur</t>
  </si>
  <si>
    <t>Colgula</t>
  </si>
  <si>
    <t>Daharro</t>
  </si>
  <si>
    <t>Dalweyn</t>
  </si>
  <si>
    <t>Dangorayo</t>
  </si>
  <si>
    <t>Danan</t>
  </si>
  <si>
    <t>Dhalwo</t>
  </si>
  <si>
    <t>Dhamasa</t>
  </si>
  <si>
    <t>Diinsoor</t>
  </si>
  <si>
    <t>Docol</t>
  </si>
  <si>
    <t>Doolow</t>
  </si>
  <si>
    <t>Eyl</t>
  </si>
  <si>
    <t>Fafahdun</t>
  </si>
  <si>
    <t>Galinsoor</t>
  </si>
  <si>
    <t>Galkayo</t>
  </si>
  <si>
    <t>Garacad</t>
  </si>
  <si>
    <t>Garoowe</t>
  </si>
  <si>
    <t>Godinlabe</t>
  </si>
  <si>
    <t>Goldogob</t>
  </si>
  <si>
    <t>Guriel</t>
  </si>
  <si>
    <t>Hafun</t>
  </si>
  <si>
    <t>Hareeri</t>
  </si>
  <si>
    <t>Hobyo</t>
  </si>
  <si>
    <t>Hudur</t>
  </si>
  <si>
    <t>Hoosingo</t>
  </si>
  <si>
    <t>Jalalaqsi</t>
  </si>
  <si>
    <t>Jamaame</t>
  </si>
  <si>
    <t>Jariban</t>
  </si>
  <si>
    <t>Jilib</t>
  </si>
  <si>
    <t>Jowhar</t>
  </si>
  <si>
    <t>Jiifyarey</t>
  </si>
  <si>
    <t>Jilyaale</t>
  </si>
  <si>
    <t>Kismayo</t>
  </si>
  <si>
    <t>Lanwaley</t>
  </si>
  <si>
    <t>Luuq</t>
  </si>
  <si>
    <t>Leego</t>
  </si>
  <si>
    <t>Mareergur</t>
  </si>
  <si>
    <t>Mareeg</t>
  </si>
  <si>
    <t>Merca</t>
  </si>
  <si>
    <t>Mogadishu</t>
  </si>
  <si>
    <t>Qandala</t>
  </si>
  <si>
    <t>Qardho</t>
  </si>
  <si>
    <t>Qarxis</t>
  </si>
  <si>
    <t>Qarhis</t>
  </si>
  <si>
    <t>Qoryoley</t>
  </si>
  <si>
    <t>Rigomane</t>
  </si>
  <si>
    <t>Roox</t>
  </si>
  <si>
    <t>Saylac</t>
  </si>
  <si>
    <t>Taleex</t>
  </si>
  <si>
    <t>Turdho</t>
  </si>
  <si>
    <t>Ufeyn</t>
  </si>
  <si>
    <t>Wabho</t>
  </si>
  <si>
    <t>Waiye</t>
  </si>
  <si>
    <t>Warsheikh</t>
  </si>
  <si>
    <t>Wisil</t>
  </si>
  <si>
    <t>Wobxo</t>
  </si>
  <si>
    <t>Xerojaale</t>
  </si>
  <si>
    <t>Gauteng</t>
  </si>
  <si>
    <t>Germiston</t>
  </si>
  <si>
    <t>Pretoria</t>
  </si>
  <si>
    <t>Durban</t>
  </si>
  <si>
    <t>Limpopo</t>
  </si>
  <si>
    <t>Polokwane</t>
  </si>
  <si>
    <t>Vryburg</t>
  </si>
  <si>
    <t>Nelspruit</t>
  </si>
  <si>
    <t>Sasolburg</t>
  </si>
  <si>
    <t>Ixopo</t>
  </si>
  <si>
    <t>KwaDukuza</t>
  </si>
  <si>
    <t>Kuruman</t>
  </si>
  <si>
    <t>Welkom</t>
  </si>
  <si>
    <t>Giyani</t>
  </si>
  <si>
    <t>Mahikeng</t>
  </si>
  <si>
    <t>Mthatha</t>
  </si>
  <si>
    <t>Mkuze</t>
  </si>
  <si>
    <t>Modimolle</t>
  </si>
  <si>
    <t>Upington</t>
  </si>
  <si>
    <t>Ulundi</t>
  </si>
  <si>
    <t>Vryheid</t>
  </si>
  <si>
    <t>Bela-Bela</t>
  </si>
  <si>
    <t>Piketberg</t>
  </si>
  <si>
    <t>Hlabisa</t>
  </si>
  <si>
    <t>Siyabuswa</t>
  </si>
  <si>
    <t>Paarl</t>
  </si>
  <si>
    <t>Ngcobo</t>
  </si>
  <si>
    <t>Kathu</t>
  </si>
  <si>
    <t>Komga</t>
  </si>
  <si>
    <t>Taung</t>
  </si>
  <si>
    <t>Tzaneen</t>
  </si>
  <si>
    <t>Calvinia</t>
  </si>
  <si>
    <t>Impendle</t>
  </si>
  <si>
    <t>Estcourt</t>
  </si>
  <si>
    <t>Cofimvaba</t>
  </si>
  <si>
    <t>Jozini</t>
  </si>
  <si>
    <t>Ganyesa</t>
  </si>
  <si>
    <t>Kakamas</t>
  </si>
  <si>
    <t>Garies</t>
  </si>
  <si>
    <t>Ladismith</t>
  </si>
  <si>
    <t>Knysna</t>
  </si>
  <si>
    <t>Kareedouw</t>
  </si>
  <si>
    <t>Lephalale</t>
  </si>
  <si>
    <t>Mandeni</t>
  </si>
  <si>
    <t>Ladybrand</t>
  </si>
  <si>
    <t>Maphumulo</t>
  </si>
  <si>
    <t>Matatiele</t>
  </si>
  <si>
    <t>Vredendal</t>
  </si>
  <si>
    <t>Dutywa</t>
  </si>
  <si>
    <t>Qumbu</t>
  </si>
  <si>
    <t>Gcuwa</t>
  </si>
  <si>
    <t>Mokopane</t>
  </si>
  <si>
    <t>Zastron</t>
  </si>
  <si>
    <t>Kroonstad</t>
  </si>
  <si>
    <t>Mogwase</t>
  </si>
  <si>
    <t>Mtubatuba</t>
  </si>
  <si>
    <t>Musina</t>
  </si>
  <si>
    <t>Ndwedwe</t>
  </si>
  <si>
    <t>Parys</t>
  </si>
  <si>
    <t>Malalane</t>
  </si>
  <si>
    <t>Nongoma</t>
  </si>
  <si>
    <t>Nquthu</t>
  </si>
  <si>
    <t>Libode</t>
  </si>
  <si>
    <t>Bergville</t>
  </si>
  <si>
    <t>Hermanus</t>
  </si>
  <si>
    <t>Vrede</t>
  </si>
  <si>
    <t>Volksrust</t>
  </si>
  <si>
    <t>Zeerust</t>
  </si>
  <si>
    <t>Setlagole</t>
  </si>
  <si>
    <t>Ficksburg</t>
  </si>
  <si>
    <t>Prieska</t>
  </si>
  <si>
    <t>Lydenburg</t>
  </si>
  <si>
    <t>Hopetown</t>
  </si>
  <si>
    <t>Boshof</t>
  </si>
  <si>
    <t>Eshowe</t>
  </si>
  <si>
    <t>Colesberg</t>
  </si>
  <si>
    <t>Mtwalume</t>
  </si>
  <si>
    <t>Sudan</t>
  </si>
  <si>
    <t>Omdurman</t>
  </si>
  <si>
    <t>Khartoum</t>
  </si>
  <si>
    <t>El-Obeid</t>
  </si>
  <si>
    <t>Kassala</t>
  </si>
  <si>
    <t>Al-Fashir</t>
  </si>
  <si>
    <t>Atbara</t>
  </si>
  <si>
    <t>Babanusa</t>
  </si>
  <si>
    <t>Buwaidhaa</t>
  </si>
  <si>
    <t>Dongola</t>
  </si>
  <si>
    <t>Geneina</t>
  </si>
  <si>
    <t>Hala'ib</t>
  </si>
  <si>
    <t>Kaduqli</t>
  </si>
  <si>
    <t>Muglad</t>
  </si>
  <si>
    <t>Rabak</t>
  </si>
  <si>
    <t>Ruaba</t>
  </si>
  <si>
    <t>Sennar</t>
  </si>
  <si>
    <t>Shendi</t>
  </si>
  <si>
    <t>Suakin</t>
  </si>
  <si>
    <t>Tonj</t>
  </si>
  <si>
    <t>Tanzania</t>
  </si>
  <si>
    <t>Mwanza</t>
  </si>
  <si>
    <t>Dodoma</t>
  </si>
  <si>
    <t>Zanzibar</t>
  </si>
  <si>
    <t>Arusha</t>
  </si>
  <si>
    <t>Mbeya</t>
  </si>
  <si>
    <t>Morogoro</t>
  </si>
  <si>
    <t>Tabora</t>
  </si>
  <si>
    <t>Kigoma</t>
  </si>
  <si>
    <t>Kasulu</t>
  </si>
  <si>
    <t>Songea</t>
  </si>
  <si>
    <t>Musoma</t>
  </si>
  <si>
    <t>Shinyanga</t>
  </si>
  <si>
    <t>Iringa</t>
  </si>
  <si>
    <t>Njombe</t>
  </si>
  <si>
    <t>Bukoba</t>
  </si>
  <si>
    <t>Kibaha</t>
  </si>
  <si>
    <t>Mtwara</t>
  </si>
  <si>
    <t>Mpanda</t>
  </si>
  <si>
    <t>Tunduma</t>
  </si>
  <si>
    <t>Makambako</t>
  </si>
  <si>
    <t>Babati</t>
  </si>
  <si>
    <t>Handeni</t>
  </si>
  <si>
    <t>Lindi</t>
  </si>
  <si>
    <t>Korogwe</t>
  </si>
  <si>
    <t>Mafinga</t>
  </si>
  <si>
    <t>Nansio</t>
  </si>
  <si>
    <t>Ujamaa</t>
  </si>
  <si>
    <t>Unguja</t>
  </si>
  <si>
    <t>Lomé</t>
  </si>
  <si>
    <t>Togo</t>
  </si>
  <si>
    <t>Sokodé</t>
  </si>
  <si>
    <t>Kpalimé</t>
  </si>
  <si>
    <t>Atakpamé</t>
  </si>
  <si>
    <t>Bassar</t>
  </si>
  <si>
    <t>Tsévié</t>
  </si>
  <si>
    <t>Aného</t>
  </si>
  <si>
    <t>Dapaong</t>
  </si>
  <si>
    <t>Tchamba</t>
  </si>
  <si>
    <t>Bafilo</t>
  </si>
  <si>
    <t>Notsé</t>
  </si>
  <si>
    <t>Sotouboua</t>
  </si>
  <si>
    <t>Vogan</t>
  </si>
  <si>
    <t>Badou</t>
  </si>
  <si>
    <t>Biankouri</t>
  </si>
  <si>
    <t>Tabligbo</t>
  </si>
  <si>
    <t>Kandé</t>
  </si>
  <si>
    <t>Amlamé</t>
  </si>
  <si>
    <t>Agbodrafo</t>
  </si>
  <si>
    <t>Togoville</t>
  </si>
  <si>
    <t>Togoland</t>
  </si>
  <si>
    <t>Tunis</t>
  </si>
  <si>
    <t>Sfax</t>
  </si>
  <si>
    <t>Sousse</t>
  </si>
  <si>
    <t>Kairouan</t>
  </si>
  <si>
    <t>Tunisia</t>
  </si>
  <si>
    <t>Gabès</t>
  </si>
  <si>
    <t>Bizerte</t>
  </si>
  <si>
    <t>Aryanah</t>
  </si>
  <si>
    <t>Gafsa</t>
  </si>
  <si>
    <t>Raoued</t>
  </si>
  <si>
    <t>Ezzahra</t>
  </si>
  <si>
    <t>Radès</t>
  </si>
  <si>
    <t>Mégrine</t>
  </si>
  <si>
    <t>Mornag</t>
  </si>
  <si>
    <t>Khalidia</t>
  </si>
  <si>
    <t>Manouba</t>
  </si>
  <si>
    <t>Mornaguia</t>
  </si>
  <si>
    <t>Djedeida</t>
  </si>
  <si>
    <t>Tebourba</t>
  </si>
  <si>
    <t>Nabeul</t>
  </si>
  <si>
    <t>Somâa</t>
  </si>
  <si>
    <t>Tazerka</t>
  </si>
  <si>
    <t>Kelibia</t>
  </si>
  <si>
    <t>Azmour</t>
  </si>
  <si>
    <t>Takelsa</t>
  </si>
  <si>
    <t>Korbous</t>
  </si>
  <si>
    <t>Grombalia</t>
  </si>
  <si>
    <t>Zaghouan</t>
  </si>
  <si>
    <t>Zriba</t>
  </si>
  <si>
    <t>Nadhour</t>
  </si>
  <si>
    <t>Sejnane</t>
  </si>
  <si>
    <t>Mateur</t>
  </si>
  <si>
    <t>Aousja</t>
  </si>
  <si>
    <t>Metline</t>
  </si>
  <si>
    <t>Béja</t>
  </si>
  <si>
    <t>Nefza</t>
  </si>
  <si>
    <t>Testour</t>
  </si>
  <si>
    <t>Goubellat</t>
  </si>
  <si>
    <t>Jendouba</t>
  </si>
  <si>
    <t>Tabarka</t>
  </si>
  <si>
    <t>Fernana</t>
  </si>
  <si>
    <t>Nebeur</t>
  </si>
  <si>
    <t>Touiref</t>
  </si>
  <si>
    <t>Jérissa</t>
  </si>
  <si>
    <t>Dahmani</t>
  </si>
  <si>
    <t>Siliana</t>
  </si>
  <si>
    <t>Gaâfour</t>
  </si>
  <si>
    <t>Maktar</t>
  </si>
  <si>
    <t>Rouhia</t>
  </si>
  <si>
    <t>Kesra</t>
  </si>
  <si>
    <t>Bargou</t>
  </si>
  <si>
    <t>Ezzouhour</t>
  </si>
  <si>
    <t>Akouda</t>
  </si>
  <si>
    <t>Hergla</t>
  </si>
  <si>
    <t>Enfidha</t>
  </si>
  <si>
    <t>Bouficha</t>
  </si>
  <si>
    <t>M'saken</t>
  </si>
  <si>
    <t>Khniss</t>
  </si>
  <si>
    <t>Ouerdanin</t>
  </si>
  <si>
    <t>Zéramdine</t>
  </si>
  <si>
    <t>Ghenada</t>
  </si>
  <si>
    <t>Jemmal</t>
  </si>
  <si>
    <t>Moknine</t>
  </si>
  <si>
    <t>Cherahil</t>
  </si>
  <si>
    <t>Bekalta</t>
  </si>
  <si>
    <t>Téboulba</t>
  </si>
  <si>
    <t>Touza</t>
  </si>
  <si>
    <t>Lemta</t>
  </si>
  <si>
    <t>Bouhjar</t>
  </si>
  <si>
    <t>Rejiche</t>
  </si>
  <si>
    <t>Chorbane</t>
  </si>
  <si>
    <t>Hebira</t>
  </si>
  <si>
    <t>Essouassi</t>
  </si>
  <si>
    <t>Kerker</t>
  </si>
  <si>
    <t>Chebba</t>
  </si>
  <si>
    <t>Chihia</t>
  </si>
  <si>
    <t>Gremda</t>
  </si>
  <si>
    <t>Thyna</t>
  </si>
  <si>
    <t>Agareb</t>
  </si>
  <si>
    <t>Jebiniana</t>
  </si>
  <si>
    <t>Skhira</t>
  </si>
  <si>
    <t>Mahares</t>
  </si>
  <si>
    <t>Kerkennah</t>
  </si>
  <si>
    <t>Sbikha</t>
  </si>
  <si>
    <t>Oueslatia</t>
  </si>
  <si>
    <t>Haffouz</t>
  </si>
  <si>
    <t>Alaâ</t>
  </si>
  <si>
    <t>Echrarda</t>
  </si>
  <si>
    <t>Kasserine</t>
  </si>
  <si>
    <t>Sbeitla</t>
  </si>
  <si>
    <t>Sbiba</t>
  </si>
  <si>
    <t>Haïdra</t>
  </si>
  <si>
    <t>Foussana</t>
  </si>
  <si>
    <t>Fériana</t>
  </si>
  <si>
    <t>Thélepte</t>
  </si>
  <si>
    <t>Jilma</t>
  </si>
  <si>
    <t>Cebalet</t>
  </si>
  <si>
    <t>Meknassy</t>
  </si>
  <si>
    <t>Mezzouna</t>
  </si>
  <si>
    <t>Regueb</t>
  </si>
  <si>
    <t>Ghannouch</t>
  </si>
  <si>
    <t>Métouia</t>
  </si>
  <si>
    <t>Oudhref</t>
  </si>
  <si>
    <t>Mareth</t>
  </si>
  <si>
    <t>Medenine</t>
  </si>
  <si>
    <t>Zarzis</t>
  </si>
  <si>
    <t>Midoun</t>
  </si>
  <si>
    <t>Ajim</t>
  </si>
  <si>
    <t>Tataouine</t>
  </si>
  <si>
    <t>Dehiba</t>
  </si>
  <si>
    <t>Remada</t>
  </si>
  <si>
    <t>Redeyef</t>
  </si>
  <si>
    <t>Métlaoui</t>
  </si>
  <si>
    <t>Mdhila</t>
  </si>
  <si>
    <t>Tozeur</t>
  </si>
  <si>
    <t>Degache</t>
  </si>
  <si>
    <t>Tamerza</t>
  </si>
  <si>
    <t>Kebili</t>
  </si>
  <si>
    <t>Djemna</t>
  </si>
  <si>
    <t>Douz</t>
  </si>
  <si>
    <t>Djibouti</t>
  </si>
  <si>
    <t>Dikhil</t>
  </si>
  <si>
    <t>Tadjoura</t>
  </si>
  <si>
    <t>Obock</t>
  </si>
  <si>
    <t>Assamo</t>
  </si>
  <si>
    <t>Balho</t>
  </si>
  <si>
    <t>Chebelle</t>
  </si>
  <si>
    <t>Yoboki</t>
  </si>
  <si>
    <t>Zimbabwe</t>
  </si>
  <si>
    <t>Harare</t>
  </si>
  <si>
    <t>Bulawayo</t>
  </si>
  <si>
    <t>Mutare</t>
  </si>
  <si>
    <t>Gweru</t>
  </si>
  <si>
    <t>Kwekwe</t>
  </si>
  <si>
    <t>Masvingo</t>
  </si>
  <si>
    <t>Chinhoyi</t>
  </si>
  <si>
    <t>Marondera</t>
  </si>
  <si>
    <t>Ruwa</t>
  </si>
  <si>
    <t>Chegutu</t>
  </si>
  <si>
    <t>Bindura</t>
  </si>
  <si>
    <t>Rusape</t>
  </si>
  <si>
    <t>Chiredzi</t>
  </si>
  <si>
    <t>Karoi</t>
  </si>
  <si>
    <t>Chipinge</t>
  </si>
  <si>
    <t>Pag99992258</t>
  </si>
  <si>
    <t>Pag99990009</t>
  </si>
  <si>
    <t>Pag99990013</t>
  </si>
  <si>
    <t>Ast99990009</t>
  </si>
  <si>
    <t>Lot99990000</t>
  </si>
  <si>
    <t>Lot99996001</t>
  </si>
  <si>
    <t>Lot99996016</t>
  </si>
  <si>
    <t>Lot99996059</t>
  </si>
  <si>
    <t>Lot99997000</t>
  </si>
  <si>
    <t>Lot99997001</t>
  </si>
  <si>
    <t>Lot99997002</t>
  </si>
  <si>
    <t>Lot99990065</t>
  </si>
  <si>
    <t>McL99999992</t>
  </si>
  <si>
    <t>Lot99990059</t>
  </si>
  <si>
    <t>Lam99990000</t>
  </si>
  <si>
    <t>Bug99990538</t>
  </si>
  <si>
    <t>Asp99990000</t>
  </si>
  <si>
    <t>Lam99994038</t>
  </si>
  <si>
    <t>Lot99996017</t>
  </si>
  <si>
    <t>Lot99990004</t>
  </si>
  <si>
    <t>McL99996900</t>
  </si>
  <si>
    <t>Lam99996000</t>
  </si>
  <si>
    <t>Lam99999001</t>
  </si>
  <si>
    <t>Ben99990005</t>
  </si>
  <si>
    <t>Ben99990006</t>
  </si>
  <si>
    <t>Koe99990004</t>
  </si>
  <si>
    <t>Fer99990004</t>
  </si>
  <si>
    <t>Fer99990056</t>
  </si>
  <si>
    <t>Fer99990005</t>
  </si>
  <si>
    <t>Fer99990054</t>
  </si>
  <si>
    <t>Asp99990042</t>
  </si>
  <si>
    <t>Asp99991000</t>
  </si>
  <si>
    <t>Asp99990014</t>
  </si>
  <si>
    <t>Pag99995002</t>
  </si>
  <si>
    <t>Asp99990039</t>
  </si>
  <si>
    <t>Koe99990001</t>
  </si>
  <si>
    <t>Koe99990002</t>
  </si>
  <si>
    <t>Ben99990004</t>
  </si>
  <si>
    <t>Ben99990015</t>
  </si>
  <si>
    <t>Pag99995764</t>
  </si>
  <si>
    <t>Bug99990904</t>
  </si>
  <si>
    <t>Bug99990740</t>
  </si>
  <si>
    <t>Lot99990741</t>
  </si>
  <si>
    <t>Rol99992944</t>
  </si>
  <si>
    <t>W M99990011</t>
  </si>
  <si>
    <t>W M99990051</t>
  </si>
  <si>
    <t>W M99996004</t>
  </si>
  <si>
    <t>Lot99990008</t>
  </si>
  <si>
    <t>Lot99997008</t>
  </si>
  <si>
    <t>Lot99997028</t>
  </si>
  <si>
    <t>W M99990005</t>
  </si>
  <si>
    <t>W M99996005</t>
  </si>
  <si>
    <t>W M99997001</t>
  </si>
  <si>
    <t>Ast99990002</t>
  </si>
  <si>
    <t>Ast99997002</t>
  </si>
  <si>
    <t>Asp99990001</t>
  </si>
  <si>
    <t>Asp99997003</t>
  </si>
  <si>
    <t>Lot99997010</t>
  </si>
  <si>
    <t>Lot99995840</t>
  </si>
  <si>
    <t>Lot99997007</t>
  </si>
  <si>
    <t>Ben99990026</t>
  </si>
  <si>
    <t>Ben99990036</t>
  </si>
  <si>
    <t>Asp99997001</t>
  </si>
  <si>
    <t>Asp99997000</t>
  </si>
  <si>
    <t>Ben99996500</t>
  </si>
  <si>
    <t>Rol99991801</t>
  </si>
  <si>
    <t>Rol99994610</t>
  </si>
  <si>
    <t>Rol99994805</t>
  </si>
  <si>
    <t>Lot99990701</t>
  </si>
  <si>
    <t>Lot99990748</t>
  </si>
  <si>
    <t>Rol99991654</t>
  </si>
  <si>
    <t>Rol99991873</t>
  </si>
  <si>
    <t>W M99990028</t>
  </si>
  <si>
    <t>Lot99996060</t>
  </si>
  <si>
    <t>Lot99997021</t>
  </si>
  <si>
    <t>Lot99997035</t>
  </si>
  <si>
    <t>Lam99990032</t>
  </si>
  <si>
    <t>W M99997003</t>
  </si>
  <si>
    <t>W M99997050</t>
  </si>
  <si>
    <t>Ast99990001</t>
  </si>
  <si>
    <t>Lot99990033</t>
  </si>
  <si>
    <t>Lot99996010</t>
  </si>
  <si>
    <t>Lot99997050</t>
  </si>
  <si>
    <t>Lot99990011</t>
  </si>
  <si>
    <t>Ben99990030</t>
  </si>
  <si>
    <t>Fer99990068</t>
  </si>
  <si>
    <t>Asp99996001</t>
  </si>
  <si>
    <t>Pag99992815</t>
  </si>
  <si>
    <t>Asp99993016</t>
  </si>
  <si>
    <t>Koe99990012</t>
  </si>
  <si>
    <t>Koe99990000</t>
  </si>
  <si>
    <t>Koe99990003</t>
  </si>
  <si>
    <t>Pag99991109</t>
  </si>
  <si>
    <t>Pag99992109</t>
  </si>
  <si>
    <t>Asp99991007</t>
  </si>
  <si>
    <t>Asp99991009</t>
  </si>
  <si>
    <t>Asp99990002</t>
  </si>
  <si>
    <t>Ben99991006</t>
  </si>
  <si>
    <t>Rim99994941</t>
  </si>
  <si>
    <t>Fer99991000</t>
  </si>
  <si>
    <t>Fer99991007</t>
  </si>
  <si>
    <t>Asp99991015</t>
  </si>
  <si>
    <t>Asp99996002</t>
  </si>
  <si>
    <t>Koe99990017</t>
  </si>
  <si>
    <t>Lot99996000</t>
  </si>
  <si>
    <t>Lot99996598</t>
  </si>
  <si>
    <t>W M99996500</t>
  </si>
  <si>
    <t>Asp99990004</t>
  </si>
  <si>
    <t>Rim99991010</t>
  </si>
  <si>
    <t>Rol99990659</t>
  </si>
  <si>
    <t>Rol99992622</t>
  </si>
  <si>
    <t>Rol99990635</t>
  </si>
  <si>
    <t>Rol99990639</t>
  </si>
  <si>
    <t>Rol99991709</t>
  </si>
  <si>
    <t>Rol99991806</t>
  </si>
  <si>
    <t>Rol99994655</t>
  </si>
  <si>
    <t>Asp99996003</t>
  </si>
  <si>
    <t>Lot99997046</t>
  </si>
  <si>
    <t>W M99990009</t>
  </si>
  <si>
    <t>W M99996009</t>
  </si>
  <si>
    <t>W M99997006</t>
  </si>
  <si>
    <t>Ast99996002</t>
  </si>
  <si>
    <t>Bug99990905</t>
  </si>
  <si>
    <t>Rol99990652</t>
  </si>
  <si>
    <t>Pag99990671</t>
  </si>
  <si>
    <t>Pag99990672</t>
  </si>
  <si>
    <t>Asp99997004</t>
  </si>
  <si>
    <t>Fer99996300</t>
  </si>
  <si>
    <t>Fer99996600</t>
  </si>
  <si>
    <t>Fer99999904</t>
  </si>
  <si>
    <t>Koe99990445</t>
  </si>
  <si>
    <t>Asp99990030</t>
  </si>
  <si>
    <t>Rol99995209</t>
  </si>
  <si>
    <t>McL99999904</t>
  </si>
  <si>
    <t>Lot99997990</t>
  </si>
  <si>
    <t>Ben99991007</t>
  </si>
  <si>
    <t>Rol99990657</t>
  </si>
  <si>
    <t>Rol99990661</t>
  </si>
  <si>
    <t>Rol99990662</t>
  </si>
  <si>
    <t>Ast99990021</t>
  </si>
  <si>
    <t>Koe99990018</t>
  </si>
  <si>
    <t>Bug99990582</t>
  </si>
  <si>
    <t>Ben99990018</t>
  </si>
  <si>
    <t>Ben99990020</t>
  </si>
  <si>
    <t>Fer99990057</t>
  </si>
  <si>
    <t>Asp99991005</t>
  </si>
  <si>
    <t>Ben99990019</t>
  </si>
  <si>
    <t>Rim99990013</t>
  </si>
  <si>
    <t>Koe99990079</t>
  </si>
  <si>
    <t>Koe99999002</t>
  </si>
  <si>
    <t>Rim99990004</t>
  </si>
  <si>
    <t>Ben99990029</t>
  </si>
  <si>
    <t>Rim99990012</t>
  </si>
  <si>
    <t>Ben99990024</t>
  </si>
  <si>
    <t>Fer99990014</t>
  </si>
  <si>
    <t>Asp99990035</t>
  </si>
  <si>
    <t>Asp99990023</t>
  </si>
  <si>
    <t>Asp99990026</t>
  </si>
  <si>
    <t>Fer99990038</t>
  </si>
  <si>
    <t>Fer99990037</t>
  </si>
  <si>
    <t>Pag99995006</t>
  </si>
  <si>
    <t>Bug99990897</t>
  </si>
  <si>
    <t>W M99990052</t>
  </si>
  <si>
    <t>Fer99990042</t>
  </si>
  <si>
    <t>McL99990006</t>
  </si>
  <si>
    <t>McL99996906</t>
  </si>
  <si>
    <t>McL99999901</t>
  </si>
  <si>
    <t>W M99990000</t>
  </si>
  <si>
    <t>Fer99990026</t>
  </si>
  <si>
    <t>Asp99990019</t>
  </si>
  <si>
    <t>Ben9999P003</t>
  </si>
  <si>
    <t>Pag99991021</t>
  </si>
  <si>
    <t>Rol99991251</t>
  </si>
  <si>
    <t>Rim99991014</t>
  </si>
  <si>
    <t>Pag99995642</t>
  </si>
  <si>
    <t>W M99990016</t>
  </si>
  <si>
    <t>Lot99997038</t>
  </si>
  <si>
    <t>Lot99997081</t>
  </si>
  <si>
    <t>Ben99991013</t>
  </si>
  <si>
    <t>Fer99990017</t>
  </si>
  <si>
    <t>Bug99990688</t>
  </si>
  <si>
    <t>Asp99990017</t>
  </si>
  <si>
    <t>Ast99990005</t>
  </si>
  <si>
    <t>Rim99990025</t>
  </si>
  <si>
    <t>Ast99990000</t>
  </si>
  <si>
    <t>Ben99990012</t>
  </si>
  <si>
    <t>Pag99990817</t>
  </si>
  <si>
    <t>Asp99991010</t>
  </si>
  <si>
    <t>Asp99991011</t>
  </si>
  <si>
    <t>Rim99990007</t>
  </si>
  <si>
    <t>Asp99999000</t>
  </si>
  <si>
    <t>Rol99993686</t>
  </si>
  <si>
    <t>Rol99991792</t>
  </si>
  <si>
    <t>Fer99990061</t>
  </si>
  <si>
    <t>Fer99990066</t>
  </si>
  <si>
    <t>Asp99990036</t>
  </si>
  <si>
    <t>Ben9999P002</t>
  </si>
  <si>
    <t>Ast99999900</t>
  </si>
  <si>
    <t>Ben99999905</t>
  </si>
  <si>
    <t>W M99999000</t>
  </si>
  <si>
    <t>W M99990025</t>
  </si>
  <si>
    <t>W M99990038</t>
  </si>
  <si>
    <t>Asp99990013</t>
  </si>
  <si>
    <t>Asp99990046</t>
  </si>
  <si>
    <t>Pag99994815</t>
  </si>
  <si>
    <t>Pag99995815</t>
  </si>
  <si>
    <t>Fer99999920</t>
  </si>
  <si>
    <t>Koe99990031</t>
  </si>
  <si>
    <t>Koe99990080</t>
  </si>
  <si>
    <t>Koe99990013</t>
  </si>
  <si>
    <t>Koe99990069</t>
  </si>
  <si>
    <t>Koe99996903</t>
  </si>
  <si>
    <t>Koe99999003</t>
  </si>
  <si>
    <t>Koe99996002</t>
  </si>
  <si>
    <t>Koe99999000</t>
  </si>
  <si>
    <t>Koe99996001</t>
  </si>
  <si>
    <t>Koe99999001</t>
  </si>
  <si>
    <t>Rol99995211</t>
  </si>
  <si>
    <t>Ast99996000</t>
  </si>
  <si>
    <t>Pag99992025</t>
  </si>
  <si>
    <t>Pag99995000</t>
  </si>
  <si>
    <t>Rim99990026</t>
  </si>
  <si>
    <t>Fer99990008</t>
  </si>
  <si>
    <t>Mer99990752</t>
  </si>
  <si>
    <t>W M99990004</t>
  </si>
  <si>
    <t>Ast99990019</t>
  </si>
  <si>
    <t>W M99997000</t>
  </si>
  <si>
    <t>Asp99990028</t>
  </si>
  <si>
    <t>Mer99990642</t>
  </si>
  <si>
    <t>Bug99990651</t>
  </si>
  <si>
    <t>Ast99990013</t>
  </si>
  <si>
    <t>Ast99990020</t>
  </si>
  <si>
    <t>Ast99990008</t>
  </si>
  <si>
    <t>Pag99995001</t>
  </si>
  <si>
    <t>Fer99990036</t>
  </si>
  <si>
    <t>Mer99990454</t>
  </si>
  <si>
    <t>Mer99990617</t>
  </si>
  <si>
    <t>Mer99990903</t>
  </si>
  <si>
    <t>Rol99995645</t>
  </si>
  <si>
    <t>Fer99990025</t>
  </si>
  <si>
    <t>Rim99990045</t>
  </si>
  <si>
    <t>Rol99990609</t>
  </si>
  <si>
    <t>W M99996000</t>
  </si>
  <si>
    <t>Bug99991902</t>
  </si>
  <si>
    <t>Rol99999062</t>
  </si>
  <si>
    <t>Rol99991626</t>
  </si>
  <si>
    <t>Rol99991815</t>
  </si>
  <si>
    <t>Lot99996004</t>
  </si>
  <si>
    <t>Pag99995015</t>
  </si>
  <si>
    <t>Pag99995022</t>
  </si>
  <si>
    <t>Lot99997045</t>
  </si>
  <si>
    <t>Pag99992103</t>
  </si>
  <si>
    <t>Rol99999653</t>
  </si>
  <si>
    <t>Pag99990809</t>
  </si>
  <si>
    <t>Rol99991653</t>
  </si>
  <si>
    <t>Pag99993103</t>
  </si>
  <si>
    <t>Mer99990709</t>
  </si>
  <si>
    <t>Lot99990010</t>
  </si>
  <si>
    <t>Pag99999243</t>
  </si>
  <si>
    <t>Ast99997001</t>
  </si>
  <si>
    <t>Rol99991745</t>
  </si>
  <si>
    <t>Asp99991008</t>
  </si>
  <si>
    <t>Lam99992301</t>
  </si>
  <si>
    <t>Lot99997027</t>
  </si>
  <si>
    <t>Asp99996000</t>
  </si>
  <si>
    <t>Pag99992041</t>
  </si>
  <si>
    <t>Rol99991610</t>
  </si>
  <si>
    <t>Pag99991210</t>
  </si>
  <si>
    <t>Rol99999643</t>
  </si>
  <si>
    <t>Rol99991057</t>
  </si>
  <si>
    <t>Rol99995846</t>
  </si>
  <si>
    <t>Lam99991802</t>
  </si>
  <si>
    <t>Bug99990739</t>
  </si>
  <si>
    <t>Pag99991358</t>
  </si>
  <si>
    <t>Rol99994250</t>
  </si>
  <si>
    <t>Lot99990062</t>
  </si>
  <si>
    <t>Lam99990004</t>
  </si>
  <si>
    <t>Pag99991352</t>
  </si>
  <si>
    <t>Pag99993352</t>
  </si>
  <si>
    <t>Bug99991838</t>
  </si>
  <si>
    <t>Lot99990016</t>
  </si>
  <si>
    <t>W M99990026</t>
  </si>
  <si>
    <t>Bug99990723</t>
  </si>
  <si>
    <t>Mer99990407</t>
  </si>
  <si>
    <t>Mer99990553</t>
  </si>
  <si>
    <t>Koe99990006</t>
  </si>
  <si>
    <t>Koe99990030</t>
  </si>
  <si>
    <t>Koe99991227</t>
  </si>
  <si>
    <t>Koe99999992</t>
  </si>
  <si>
    <t>Koe99999993</t>
  </si>
  <si>
    <t>Koe99990070</t>
  </si>
  <si>
    <t>Koe99996004</t>
  </si>
  <si>
    <t>W M99999990</t>
  </si>
  <si>
    <t>Lot99999900</t>
  </si>
  <si>
    <t>Lot99999990</t>
  </si>
  <si>
    <t>Koe99996000</t>
  </si>
  <si>
    <t>Asp99990003</t>
  </si>
  <si>
    <t>Lam99990001</t>
  </si>
  <si>
    <t>Rol99990620</t>
  </si>
  <si>
    <t>Lot99990080</t>
  </si>
  <si>
    <t>Lot99996080</t>
  </si>
  <si>
    <t>Lot99997080</t>
  </si>
  <si>
    <t>McL99997001</t>
  </si>
  <si>
    <t>Lot99991842</t>
  </si>
  <si>
    <t>Lot99996842</t>
  </si>
  <si>
    <t>Lot99997842</t>
  </si>
  <si>
    <t>Ben99990044</t>
  </si>
  <si>
    <t>McL99990004</t>
  </si>
  <si>
    <t>Rol99994210</t>
  </si>
  <si>
    <t>Pag99991878</t>
  </si>
  <si>
    <t>Bug99990548</t>
  </si>
  <si>
    <t>Mer99990550</t>
  </si>
  <si>
    <t>Bug99991267</t>
  </si>
  <si>
    <t>Bug99991896</t>
  </si>
  <si>
    <t>Ben99990038</t>
  </si>
  <si>
    <t>Asp99991014</t>
  </si>
  <si>
    <t>McL99990003</t>
  </si>
  <si>
    <t>Rol99994900</t>
  </si>
  <si>
    <t>Mer99990687</t>
  </si>
  <si>
    <t>Lam99990002</t>
  </si>
  <si>
    <t>Lam99990009</t>
  </si>
  <si>
    <t>McL99999991</t>
  </si>
  <si>
    <t>Lot99997006</t>
  </si>
  <si>
    <t>Asp99991016</t>
  </si>
  <si>
    <t>Pag99991354</t>
  </si>
  <si>
    <t>Pag99993354</t>
  </si>
  <si>
    <t>Mer99990738</t>
  </si>
  <si>
    <t>Rol99992665</t>
  </si>
  <si>
    <t>Pag99993202</t>
  </si>
  <si>
    <t>Rol99990881</t>
  </si>
  <si>
    <t>Rol99991820</t>
  </si>
  <si>
    <t>Mer99995243</t>
  </si>
  <si>
    <t>Mer99995244</t>
  </si>
  <si>
    <t>Rol99999881</t>
  </si>
  <si>
    <t>Lot99997037</t>
  </si>
  <si>
    <t>Pag99995252</t>
  </si>
  <si>
    <t>Pag99990243</t>
  </si>
  <si>
    <t>Koe99990084</t>
  </si>
  <si>
    <t>Rol99995241</t>
  </si>
  <si>
    <t>Pag99991360</t>
  </si>
  <si>
    <t>W M99990027</t>
  </si>
  <si>
    <t>Lot99990041</t>
  </si>
  <si>
    <t>Lot99996991</t>
  </si>
  <si>
    <t>W M99999902</t>
  </si>
  <si>
    <t>Lam99999905</t>
  </si>
  <si>
    <t>Pag99999702</t>
  </si>
  <si>
    <t>Pag99990658</t>
  </si>
  <si>
    <t>Asp99997002</t>
  </si>
  <si>
    <t>Rol99990641</t>
  </si>
  <si>
    <t>W M99990037</t>
  </si>
  <si>
    <t>Lot99990075</t>
  </si>
  <si>
    <t>Lot99997999</t>
  </si>
  <si>
    <t>McL99990001</t>
  </si>
  <si>
    <t>Lam99990031</t>
  </si>
  <si>
    <t>Pag99991292</t>
  </si>
  <si>
    <t>Pag99995292</t>
  </si>
  <si>
    <t>Bug99990907</t>
  </si>
  <si>
    <t>Bug99990908</t>
  </si>
  <si>
    <t>Bug99991714</t>
  </si>
  <si>
    <t>W M99990032</t>
  </si>
  <si>
    <t>W M99990036</t>
  </si>
  <si>
    <t>Rim99991015</t>
  </si>
  <si>
    <t>Fer99992013</t>
  </si>
  <si>
    <t>Pag99992252</t>
  </si>
  <si>
    <t>Pag99992291</t>
  </si>
  <si>
    <t>Pag99993043</t>
  </si>
  <si>
    <t>Rol99991857</t>
  </si>
  <si>
    <t>Ben99990034</t>
  </si>
  <si>
    <t>Fer99990024</t>
  </si>
  <si>
    <t>Fer99990028</t>
  </si>
  <si>
    <t>Asp99991024</t>
  </si>
  <si>
    <t>Fer99990012</t>
  </si>
  <si>
    <t>Ast99990007</t>
  </si>
  <si>
    <t>Rol99991351</t>
  </si>
  <si>
    <t>Rol99991250</t>
  </si>
  <si>
    <t>Bug99992891</t>
  </si>
  <si>
    <t>Lam99990005</t>
  </si>
  <si>
    <t>Lot99990003</t>
  </si>
  <si>
    <t>Mer99992195</t>
  </si>
  <si>
    <t>Rol99992856</t>
  </si>
  <si>
    <t>Koe99990005</t>
  </si>
  <si>
    <t>Fer99990067</t>
  </si>
  <si>
    <t>Fer99991006</t>
  </si>
  <si>
    <t>Pag99992315</t>
  </si>
  <si>
    <t>Lot99990007</t>
  </si>
  <si>
    <t>Lam99990099</t>
  </si>
  <si>
    <t>W M99990001</t>
  </si>
  <si>
    <t>Mer99990393</t>
  </si>
  <si>
    <t>Bug99991012</t>
  </si>
  <si>
    <t>McL99999902</t>
  </si>
  <si>
    <t>Koe99990008</t>
  </si>
  <si>
    <t>Lam99990039</t>
  </si>
  <si>
    <t>W M99990010</t>
  </si>
  <si>
    <t>W M99999900</t>
  </si>
  <si>
    <t>Lot99996090</t>
  </si>
  <si>
    <t>Bug99990650</t>
  </si>
  <si>
    <t>Rol99990650</t>
  </si>
  <si>
    <t>Lot99996002</t>
  </si>
  <si>
    <t>Bug99995140</t>
  </si>
  <si>
    <t>Bug99996140</t>
  </si>
  <si>
    <t>Bug99997140</t>
  </si>
  <si>
    <t>Rol99992250</t>
  </si>
  <si>
    <t>Bug99991846</t>
  </si>
  <si>
    <t>Ast99990015</t>
  </si>
  <si>
    <t>Rol99992610</t>
  </si>
  <si>
    <t>Lam99996010</t>
  </si>
  <si>
    <t>Mer99995238</t>
  </si>
  <si>
    <t>Fer99991018</t>
  </si>
  <si>
    <t>Mer99995782</t>
  </si>
  <si>
    <t>Rol99991712</t>
  </si>
  <si>
    <t>Mer99995787</t>
  </si>
  <si>
    <t>Mer99995758</t>
  </si>
  <si>
    <t>Lam99995820</t>
  </si>
  <si>
    <t>Ast99996009</t>
  </si>
  <si>
    <t>Koe99990014</t>
  </si>
  <si>
    <t>Koe99990074</t>
  </si>
  <si>
    <t>Lot99996600</t>
  </si>
  <si>
    <t>Mer99995724</t>
  </si>
  <si>
    <t>Mer99995791</t>
  </si>
  <si>
    <t>Lam99990040</t>
  </si>
  <si>
    <t>Pag99991602</t>
  </si>
  <si>
    <t>Rol99991603</t>
  </si>
  <si>
    <t>Rol99995840</t>
  </si>
  <si>
    <t>Bug99990586</t>
  </si>
  <si>
    <t>Pag99993148</t>
  </si>
  <si>
    <t>Pag99994811</t>
  </si>
  <si>
    <t>Pag99991895</t>
  </si>
  <si>
    <t>Pag99991181</t>
  </si>
  <si>
    <t>Bug99991348</t>
  </si>
  <si>
    <t>Bug99993810</t>
  </si>
  <si>
    <t>Pag99990816</t>
  </si>
  <si>
    <t>Lot99999000</t>
  </si>
  <si>
    <t>Asp99993996</t>
  </si>
  <si>
    <t>Pag99991185</t>
  </si>
  <si>
    <t>Pag99991370</t>
  </si>
  <si>
    <t>Pag99991809</t>
  </si>
  <si>
    <t>Pag99991891</t>
  </si>
  <si>
    <t>Ben99991039</t>
  </si>
  <si>
    <t>Bug99990564</t>
  </si>
  <si>
    <t>Ben99990013</t>
  </si>
  <si>
    <t>Ben99992007</t>
  </si>
  <si>
    <t>Bug99990539</t>
  </si>
  <si>
    <t>Bug99991308</t>
  </si>
  <si>
    <t>Bug99991840</t>
  </si>
  <si>
    <t>Bug99991892</t>
  </si>
  <si>
    <t>Bug99991893</t>
  </si>
  <si>
    <t>Bug99991894</t>
  </si>
  <si>
    <t>Pag99991346</t>
  </si>
  <si>
    <t>Pag99991901</t>
  </si>
  <si>
    <t>Mer99990037</t>
  </si>
  <si>
    <t>Mer99990091</t>
  </si>
  <si>
    <t>Mer99990096</t>
  </si>
  <si>
    <t>Rol99995237</t>
  </si>
  <si>
    <t>W M99990044</t>
  </si>
  <si>
    <t>Pag99990670</t>
  </si>
  <si>
    <t>Pag99999604</t>
  </si>
  <si>
    <t>Rol99995210</t>
  </si>
  <si>
    <t>Bug99991143</t>
  </si>
  <si>
    <t>Bug99993143</t>
  </si>
  <si>
    <t>W M99999901</t>
  </si>
  <si>
    <t>Lot99999904</t>
  </si>
  <si>
    <t>Lam99999904</t>
  </si>
  <si>
    <t>Rol99999888</t>
  </si>
  <si>
    <t>Rol99991880</t>
  </si>
  <si>
    <t>Rol99991890</t>
  </si>
  <si>
    <t>Lam99990003</t>
  </si>
  <si>
    <t>Lam99996003</t>
  </si>
  <si>
    <t>Pag99992905</t>
  </si>
  <si>
    <t>Pag99993819</t>
  </si>
  <si>
    <t>Mer99995646</t>
  </si>
  <si>
    <t>Pag99993294</t>
  </si>
  <si>
    <t>Pag99993374</t>
  </si>
  <si>
    <t>Bug99995176</t>
  </si>
  <si>
    <t>Bug99990422</t>
  </si>
  <si>
    <t>Rol99991721</t>
  </si>
  <si>
    <t>Rol99991730</t>
  </si>
  <si>
    <t>Pag99990943</t>
  </si>
  <si>
    <t>Pag99992364</t>
  </si>
  <si>
    <t>Rol99990660</t>
  </si>
  <si>
    <t>Rol99995236</t>
  </si>
  <si>
    <t>Ast99990055</t>
  </si>
  <si>
    <t>Rol99991823</t>
  </si>
  <si>
    <t>Asp99990006</t>
  </si>
  <si>
    <t>Pag99999032</t>
  </si>
  <si>
    <t>Pag99990654</t>
  </si>
  <si>
    <t>Pag99991824</t>
  </si>
  <si>
    <t>Pag99990313</t>
  </si>
  <si>
    <t>Rol99990693</t>
  </si>
  <si>
    <t>Rol99990694</t>
  </si>
  <si>
    <t>Rol99990903</t>
  </si>
  <si>
    <t>Rol99991725</t>
  </si>
  <si>
    <t>Rol99995242</t>
  </si>
  <si>
    <t>Pag99995312</t>
  </si>
  <si>
    <t>Rol99999609</t>
  </si>
  <si>
    <t>Pag99991136</t>
  </si>
  <si>
    <t>Pag99993586</t>
  </si>
  <si>
    <t>Pag99991244</t>
  </si>
  <si>
    <t>Lam99996015</t>
  </si>
  <si>
    <t>Pag99995103</t>
  </si>
  <si>
    <t>Mer99990734</t>
  </si>
  <si>
    <t>Pag99991107</t>
  </si>
  <si>
    <t>Ben99996006</t>
  </si>
  <si>
    <t>Rol99991741</t>
  </si>
  <si>
    <t>Pag99991790</t>
  </si>
  <si>
    <t>Rol99990637</t>
  </si>
  <si>
    <t>Rol99999070</t>
  </si>
  <si>
    <t>Lot99997023</t>
  </si>
  <si>
    <t>Rol99991758</t>
  </si>
  <si>
    <t>Lot99997047</t>
  </si>
  <si>
    <t>Rol99990669</t>
  </si>
  <si>
    <t>Rol99991638</t>
  </si>
  <si>
    <t>Rol99995311</t>
  </si>
  <si>
    <t>Mer99991811</t>
  </si>
  <si>
    <t>McL99990002</t>
  </si>
  <si>
    <t>Bug99990545</t>
  </si>
  <si>
    <t>Bug99990745</t>
  </si>
  <si>
    <t>Rol99991813</t>
  </si>
  <si>
    <t>Lot99997022</t>
  </si>
  <si>
    <t>Pag99995012</t>
  </si>
  <si>
    <t>Lot99997025</t>
  </si>
  <si>
    <t>Lot99997662</t>
  </si>
  <si>
    <t>Lam99991820</t>
  </si>
  <si>
    <t>Rol99992314</t>
  </si>
  <si>
    <t>Rol99992334</t>
  </si>
  <si>
    <t>Mer99994263</t>
  </si>
  <si>
    <t>Rol99994730</t>
  </si>
  <si>
    <t>Rol99994888</t>
  </si>
  <si>
    <t>Lot99990037</t>
  </si>
  <si>
    <t>Lam99994633</t>
  </si>
  <si>
    <t>Bug99991310</t>
  </si>
  <si>
    <t>Rol99995880</t>
  </si>
  <si>
    <t>Rol99991639</t>
  </si>
  <si>
    <t>Pag99991820</t>
  </si>
  <si>
    <t>Rim99991017</t>
  </si>
  <si>
    <t>Asp99991019</t>
  </si>
  <si>
    <t>Lot99990081</t>
  </si>
  <si>
    <t>Mer99990613</t>
  </si>
  <si>
    <t>Bug99990044</t>
  </si>
  <si>
    <t>Bug99991205</t>
  </si>
  <si>
    <t>Mer99992303</t>
  </si>
  <si>
    <t>Pag99991803</t>
  </si>
  <si>
    <t>Lot99996994</t>
  </si>
  <si>
    <t>W M99990023</t>
  </si>
  <si>
    <t>Mer99995882</t>
  </si>
  <si>
    <t>Pag99991307</t>
  </si>
  <si>
    <t>Pag99991827</t>
  </si>
  <si>
    <t>Pag99993827</t>
  </si>
  <si>
    <t>Pag99994307</t>
  </si>
  <si>
    <t>Pag99994827</t>
  </si>
  <si>
    <t>Pag99997007</t>
  </si>
  <si>
    <t>Bug99991248</t>
  </si>
  <si>
    <t>Pag99991286</t>
  </si>
  <si>
    <t>Pag99991306</t>
  </si>
  <si>
    <t>Pag99994148</t>
  </si>
  <si>
    <t>Pag99995148</t>
  </si>
  <si>
    <t>Fer99991011</t>
  </si>
  <si>
    <t>Pag99995286</t>
  </si>
  <si>
    <t>Lot99990038</t>
  </si>
  <si>
    <t>Rol99995233</t>
  </si>
  <si>
    <t>Rol99990817</t>
  </si>
  <si>
    <t>Pag99995759</t>
  </si>
  <si>
    <t>Mer99999752</t>
  </si>
  <si>
    <t>W M99999002</t>
  </si>
  <si>
    <t>Ast99990003</t>
  </si>
  <si>
    <t>Ast99996001</t>
  </si>
  <si>
    <t>Pag99992359</t>
  </si>
  <si>
    <t>Lam99990010</t>
  </si>
  <si>
    <t>Lam99990008</t>
  </si>
  <si>
    <t>Pag99991126</t>
  </si>
  <si>
    <t>Asp99990043</t>
  </si>
  <si>
    <t>Pag99991218</t>
  </si>
  <si>
    <t>Pag99991368</t>
  </si>
  <si>
    <t>Lot99996021</t>
  </si>
  <si>
    <t>Lot99996023</t>
  </si>
  <si>
    <t>Rol99990656</t>
  </si>
  <si>
    <t>Rol99995653</t>
  </si>
  <si>
    <t>Pag99990803</t>
  </si>
  <si>
    <t>Mer99990001</t>
  </si>
  <si>
    <t>Pag99996007</t>
  </si>
  <si>
    <t>Pag99991258</t>
  </si>
  <si>
    <t>Asp99991022</t>
  </si>
  <si>
    <t>Pag99995011</t>
  </si>
  <si>
    <t>Pag99991377</t>
  </si>
  <si>
    <t>Bug99994281</t>
  </si>
  <si>
    <t>Mer99990408</t>
  </si>
  <si>
    <t>Rol99990820</t>
  </si>
  <si>
    <t>Mer99990685</t>
  </si>
  <si>
    <t>Mer99991685</t>
  </si>
  <si>
    <t>Lot99990025</t>
  </si>
  <si>
    <t>Lot99996990</t>
  </si>
  <si>
    <t>Bug99991135</t>
  </si>
  <si>
    <t>Rol99991296</t>
  </si>
  <si>
    <t>Asp99995996</t>
  </si>
  <si>
    <t>Pag99994286</t>
  </si>
  <si>
    <t>Fer99991008</t>
  </si>
  <si>
    <t>Asp99990033</t>
  </si>
  <si>
    <t>W M99990050</t>
  </si>
  <si>
    <t>Lot99997013</t>
  </si>
  <si>
    <t>Lot99997658</t>
  </si>
  <si>
    <t>Ben99991004</t>
  </si>
  <si>
    <t>Fer99991005</t>
  </si>
  <si>
    <t>Ben99993004</t>
  </si>
  <si>
    <t>Bug99993106</t>
  </si>
  <si>
    <t>Pag99993831</t>
  </si>
  <si>
    <t>Bug99991899</t>
  </si>
  <si>
    <t>Bug99994880</t>
  </si>
  <si>
    <t>W M99990054</t>
  </si>
  <si>
    <t>Ben99991009</t>
  </si>
  <si>
    <t>Ben99992009</t>
  </si>
  <si>
    <t>Rim99991013</t>
  </si>
  <si>
    <t>Fer99992012</t>
  </si>
  <si>
    <t>Fer99994012</t>
  </si>
  <si>
    <t>Asp99992021</t>
  </si>
  <si>
    <t>Pag99995019</t>
  </si>
  <si>
    <t>Bug99990757</t>
  </si>
  <si>
    <t>Bug99991793</t>
  </si>
  <si>
    <t>Ast99997000</t>
  </si>
  <si>
    <t>Ast99997009</t>
  </si>
  <si>
    <t>McL99999002</t>
  </si>
  <si>
    <t>Rim99990035</t>
  </si>
  <si>
    <t>Mer99990025</t>
  </si>
  <si>
    <t>Pag99991873</t>
  </si>
  <si>
    <t>Pag99995027</t>
  </si>
  <si>
    <t>Ben99991033</t>
  </si>
  <si>
    <t>Pag99991025</t>
  </si>
  <si>
    <t>Lam99996999</t>
  </si>
  <si>
    <t>Mer99990726</t>
  </si>
  <si>
    <t>Mer99990728</t>
  </si>
  <si>
    <t>Mer99990727</t>
  </si>
  <si>
    <t>Pag99991219</t>
  </si>
  <si>
    <t>Pag99993219</t>
  </si>
  <si>
    <t>Pag99991183</t>
  </si>
  <si>
    <t>Bug99991897</t>
  </si>
  <si>
    <t>Bug99993348</t>
  </si>
  <si>
    <t>Bug99992299</t>
  </si>
  <si>
    <t>W M99990042</t>
  </si>
  <si>
    <t>Pag99991302</t>
  </si>
  <si>
    <t>Mer99991818</t>
  </si>
  <si>
    <t>McL99996002</t>
  </si>
  <si>
    <t>Pag99990012</t>
  </si>
  <si>
    <t>Pag99991134</t>
  </si>
  <si>
    <t>Ast99990010</t>
  </si>
  <si>
    <t>Asp99990152</t>
  </si>
  <si>
    <t>Rol99999880</t>
  </si>
  <si>
    <t>Rol99990627</t>
  </si>
  <si>
    <t>Pag99993815</t>
  </si>
  <si>
    <t>Ben99990023</t>
  </si>
  <si>
    <t>Rol99990679</t>
  </si>
  <si>
    <t>Rol99990695</t>
  </si>
  <si>
    <t>Lot99999998</t>
  </si>
  <si>
    <t>Rol99991708</t>
  </si>
  <si>
    <t>Pag99991315</t>
  </si>
  <si>
    <t>Pag99991908</t>
  </si>
  <si>
    <t>Rol99991705</t>
  </si>
  <si>
    <t>Lot99999001</t>
  </si>
  <si>
    <t>Lot99999004</t>
  </si>
  <si>
    <t>Pag99990666</t>
  </si>
  <si>
    <t>W M99990035</t>
  </si>
  <si>
    <t>Mer99995708</t>
  </si>
  <si>
    <t>Koe99990035</t>
  </si>
  <si>
    <t>Pag99990011</t>
  </si>
  <si>
    <t>Ben99990033</t>
  </si>
  <si>
    <t>W M99999949</t>
  </si>
  <si>
    <t>Lot99990049</t>
  </si>
  <si>
    <t>Lot99996049</t>
  </si>
  <si>
    <t>Lot99999909</t>
  </si>
  <si>
    <t>Lot99996020</t>
  </si>
  <si>
    <t>Pag99995017</t>
  </si>
  <si>
    <t>McL99990010</t>
  </si>
  <si>
    <t>Rol99991765</t>
  </si>
  <si>
    <t>W M99999001</t>
  </si>
  <si>
    <t>Pag99999041</t>
  </si>
  <si>
    <t>Rol99999071</t>
  </si>
  <si>
    <t>Pag99999071</t>
  </si>
  <si>
    <t>Lot99997019</t>
  </si>
  <si>
    <t>Lot99996500</t>
  </si>
  <si>
    <t>Fer99990065</t>
  </si>
  <si>
    <t>Fer99996302</t>
  </si>
  <si>
    <t>Asp99990041</t>
  </si>
  <si>
    <t>Asp99996302</t>
  </si>
  <si>
    <t>Pag99991301</t>
  </si>
  <si>
    <t>Pag99994026</t>
  </si>
  <si>
    <t>Pag99993181</t>
  </si>
  <si>
    <t>Bug99990062</t>
  </si>
  <si>
    <t>Bug99995789</t>
  </si>
  <si>
    <t>Bug99991795</t>
  </si>
  <si>
    <t>Bug99990702</t>
  </si>
  <si>
    <t>Lam99996001</t>
  </si>
  <si>
    <t>Asp99992996</t>
  </si>
  <si>
    <t>Lot99996009</t>
  </si>
  <si>
    <t>Bug99995144</t>
  </si>
  <si>
    <t>Bug99991738</t>
  </si>
  <si>
    <t>Rol99990612</t>
  </si>
  <si>
    <t>Rol99995768</t>
  </si>
  <si>
    <t>Pag99993361</t>
  </si>
  <si>
    <t>Rol99990610</t>
  </si>
  <si>
    <t>Rol99999031</t>
  </si>
  <si>
    <t>Mer99990394</t>
  </si>
  <si>
    <t>Pag99996819</t>
  </si>
  <si>
    <t>Pag99997815</t>
  </si>
  <si>
    <t>Fer99991015</t>
  </si>
  <si>
    <t>Pag99990643</t>
  </si>
  <si>
    <t>W M99996900</t>
  </si>
  <si>
    <t>Pag99993295</t>
  </si>
  <si>
    <t>Mer99990005</t>
  </si>
  <si>
    <t>Bug99992839</t>
  </si>
  <si>
    <t>Bug99993353</t>
  </si>
  <si>
    <t>Bug99992284</t>
  </si>
  <si>
    <t>Bug99993359</t>
  </si>
  <si>
    <t>Rol99990519</t>
  </si>
  <si>
    <t>Rol99990520</t>
  </si>
  <si>
    <t>Asp99999900</t>
  </si>
  <si>
    <t>Bug99994310</t>
  </si>
  <si>
    <t>Mer99995230</t>
  </si>
  <si>
    <t>Bug99990749</t>
  </si>
  <si>
    <t>McL99996001</t>
  </si>
  <si>
    <t>Asp99990005</t>
  </si>
  <si>
    <t>Rol99990647</t>
  </si>
  <si>
    <t>Rim99990043</t>
  </si>
  <si>
    <t>Rol99990628</t>
  </si>
  <si>
    <t>Pag99996815</t>
  </si>
  <si>
    <t>Pag99996148</t>
  </si>
  <si>
    <t>Asp99990010</t>
  </si>
  <si>
    <t>W M99996002</t>
  </si>
  <si>
    <t>Mer99990634</t>
  </si>
  <si>
    <t>Pag99991105</t>
  </si>
  <si>
    <t>Rol99991808</t>
  </si>
  <si>
    <t>Rol99992236</t>
  </si>
  <si>
    <t>Rol99991944</t>
  </si>
  <si>
    <t>Rol99994944</t>
  </si>
  <si>
    <t>Rol99990000</t>
  </si>
  <si>
    <t>Asp99991301</t>
  </si>
  <si>
    <t>Asp99991091</t>
  </si>
  <si>
    <t>Asp99992701</t>
  </si>
  <si>
    <t>Lot99990072</t>
  </si>
  <si>
    <t>Lot99996072</t>
  </si>
  <si>
    <t>Lot99997011</t>
  </si>
  <si>
    <t>Lot99997014</t>
  </si>
  <si>
    <t>Lot99997699</t>
  </si>
  <si>
    <t>W M99991840</t>
  </si>
  <si>
    <t>Rol99990250</t>
  </si>
  <si>
    <t>Ast99991302</t>
  </si>
  <si>
    <t>Lot99991801</t>
  </si>
  <si>
    <t>Lot99996840</t>
  </si>
  <si>
    <t>Lot99997801</t>
  </si>
  <si>
    <t>Lot99997940</t>
  </si>
  <si>
    <t>Rol99990622</t>
  </si>
  <si>
    <t>Ben99991000</t>
  </si>
  <si>
    <t>Ben99991091</t>
  </si>
  <si>
    <t>Rim99991258</t>
  </si>
  <si>
    <t>Lam99991633</t>
  </si>
  <si>
    <t>Fer99991091</t>
  </si>
  <si>
    <t>Fer99991560</t>
  </si>
  <si>
    <t>Lot99990747</t>
  </si>
  <si>
    <t>Lot99997020</t>
  </si>
  <si>
    <t>Lot99997033</t>
  </si>
  <si>
    <t>Bug99991017</t>
  </si>
  <si>
    <t>Pag99991103</t>
  </si>
  <si>
    <t>Rol99990805</t>
  </si>
  <si>
    <t>Rol99991805</t>
  </si>
  <si>
    <t>Ben99990001</t>
  </si>
  <si>
    <t>Fer99990001</t>
  </si>
  <si>
    <t>Rol99990666</t>
  </si>
  <si>
    <t>Lot99997026</t>
  </si>
  <si>
    <t>Lot99997082</t>
  </si>
  <si>
    <t>Lot99997659</t>
  </si>
  <si>
    <t>Bug99990599</t>
  </si>
  <si>
    <t>McL99999001</t>
  </si>
  <si>
    <t>Fer99990055</t>
  </si>
  <si>
    <t>Pag99993203</t>
  </si>
  <si>
    <t>McL99999905</t>
  </si>
  <si>
    <t>Pag99991329</t>
  </si>
  <si>
    <t>Bug99991350</t>
  </si>
  <si>
    <t>Lot99990005</t>
  </si>
  <si>
    <t>McL99999000</t>
  </si>
  <si>
    <t>Pag99992333</t>
  </si>
  <si>
    <t>Bug99992832</t>
  </si>
  <si>
    <t>Pag99993333</t>
  </si>
  <si>
    <t>Bug99997397</t>
  </si>
  <si>
    <t>Rol99991720</t>
  </si>
  <si>
    <t>Rol99999638</t>
  </si>
  <si>
    <t>Bug99990900</t>
  </si>
  <si>
    <t>Rim99990037</t>
  </si>
  <si>
    <t>Asp99996006</t>
  </si>
  <si>
    <t>Bug99990556</t>
  </si>
  <si>
    <t>Pag99994819</t>
  </si>
  <si>
    <t>Pag99995307</t>
  </si>
  <si>
    <t>Pag99991913</t>
  </si>
  <si>
    <t>Pag99991911</t>
  </si>
  <si>
    <t>Pag99992819</t>
  </si>
  <si>
    <t>Pag99995819</t>
  </si>
  <si>
    <t>Rim99991019</t>
  </si>
  <si>
    <t>Rim99991018</t>
  </si>
  <si>
    <t>Pag99992656</t>
  </si>
  <si>
    <t>Ast99999000</t>
  </si>
  <si>
    <t>Pag99991300</t>
  </si>
  <si>
    <t>Bug99991876</t>
  </si>
  <si>
    <t>Lot99997063</t>
  </si>
  <si>
    <t>Pag99994258</t>
  </si>
  <si>
    <t>Lam99990033</t>
  </si>
  <si>
    <t>Pag99993847</t>
  </si>
  <si>
    <t>Rol99994220</t>
  </si>
  <si>
    <t>Mer99995788</t>
  </si>
  <si>
    <t>Mer99991788</t>
  </si>
  <si>
    <t>Ben99991015</t>
  </si>
  <si>
    <t>Rim99990042</t>
  </si>
  <si>
    <t>Lam99999002</t>
  </si>
  <si>
    <t>Bug99990619</t>
  </si>
  <si>
    <t>Rol99995654</t>
  </si>
  <si>
    <t>Pag99991280</t>
  </si>
  <si>
    <t>Bug99991826</t>
  </si>
  <si>
    <t>Koe99990085</t>
  </si>
  <si>
    <t>Mer99995224</t>
  </si>
  <si>
    <t>Ast99990014</t>
  </si>
  <si>
    <t>Asp99996900</t>
  </si>
  <si>
    <t>Rim99999904</t>
  </si>
  <si>
    <t>Bug99991365</t>
  </si>
  <si>
    <t>Bug99991367</t>
  </si>
  <si>
    <t>Bug99991802</t>
  </si>
  <si>
    <t>Bug99991812</t>
  </si>
  <si>
    <t>Pag99991889</t>
  </si>
  <si>
    <t>Pag99991904</t>
  </si>
  <si>
    <t>Bug99993365</t>
  </si>
  <si>
    <t>Bug99993367</t>
  </si>
  <si>
    <t>Bug99993802</t>
  </si>
  <si>
    <t>Bug99993812</t>
  </si>
  <si>
    <t>Bug99993886</t>
  </si>
  <si>
    <t>Bug99993888</t>
  </si>
  <si>
    <t>Bug99993889</t>
  </si>
  <si>
    <t>Pag99993904</t>
  </si>
  <si>
    <t>Rim99992012</t>
  </si>
  <si>
    <t>Zambia</t>
  </si>
  <si>
    <t>Burkina Faso</t>
  </si>
  <si>
    <t>Madagascar</t>
  </si>
  <si>
    <t>Mozambique</t>
  </si>
  <si>
    <t>South Africa</t>
  </si>
  <si>
    <t>time between when a customer books a contarct and when contract is delivered</t>
  </si>
  <si>
    <t>price per unit</t>
  </si>
  <si>
    <t>states whether sale is to wholesalers or retailers</t>
  </si>
  <si>
    <t>date when contract was entered</t>
  </si>
  <si>
    <t>states mode of transport for delivering products</t>
  </si>
  <si>
    <t>no. of units in contract</t>
  </si>
  <si>
    <t>shows which group a customer belongs to</t>
  </si>
  <si>
    <t>shows which segment a customer belongs to</t>
  </si>
  <si>
    <t>shows unique customer id</t>
  </si>
  <si>
    <t>shows when delivery of a contract starts</t>
  </si>
  <si>
    <t>shows when delivery of a contract ends</t>
  </si>
  <si>
    <t>shows whether product is manual or automatic</t>
  </si>
  <si>
    <t>shows approximate price range a product belongs to</t>
  </si>
  <si>
    <t>shows brand of product</t>
  </si>
  <si>
    <t>classifies product into different buckets within a brand</t>
  </si>
  <si>
    <t>shows colour of product</t>
  </si>
  <si>
    <t>shows plant number at which product is produced</t>
  </si>
  <si>
    <t>shows city of production</t>
  </si>
  <si>
    <t>shows country of production</t>
  </si>
  <si>
    <t>shows which part of product is most expensive</t>
  </si>
  <si>
    <t>classifies product into different buckets per most expensive part l1</t>
  </si>
  <si>
    <t>shows city to which product is shipped</t>
  </si>
  <si>
    <t>shows customers's shipping id</t>
  </si>
  <si>
    <t>shows city to which product is sold (note ship to city and sold to city can be different)</t>
  </si>
  <si>
    <t>shows customers's sold to number</t>
  </si>
  <si>
    <t>shows product's unique number</t>
  </si>
  <si>
    <t>shows country to which product is shipped</t>
  </si>
  <si>
    <t>shows country to which product is sold</t>
  </si>
  <si>
    <t>column name</t>
  </si>
  <si>
    <t>explana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yyyy\-mm\-dd\ hh:mm:ss"/>
  </numFmts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4">
    <xf numFmtId="0" fontId="0" fillId="0" borderId="0" xfId="0"/>
    <xf numFmtId="0" fontId="1" fillId="0" borderId="1" xfId="0" applyFont="1" applyBorder="1" applyAlignment="1">
      <alignment horizontal="center" vertical="top"/>
    </xf>
    <xf numFmtId="164" fontId="0" fillId="0" borderId="0" xfId="0" applyNumberFormat="1"/>
    <xf numFmtId="0" fontId="2" fillId="2" borderId="0" xfId="0" applyFont="1" applyFill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440F9E-165B-4473-9519-5FF990D0B0CC}">
  <dimension ref="A1:B29"/>
  <sheetViews>
    <sheetView showGridLines="0" workbookViewId="0">
      <selection activeCell="B17" sqref="B17"/>
    </sheetView>
  </sheetViews>
  <sheetFormatPr defaultRowHeight="14.5" x14ac:dyDescent="0.35"/>
  <cols>
    <col min="1" max="1" width="21.08984375" bestFit="1" customWidth="1"/>
    <col min="2" max="2" width="68.453125" bestFit="1" customWidth="1"/>
  </cols>
  <sheetData>
    <row r="1" spans="1:2" x14ac:dyDescent="0.35">
      <c r="A1" s="3" t="s">
        <v>3776</v>
      </c>
      <c r="B1" s="3" t="s">
        <v>3777</v>
      </c>
    </row>
    <row r="2" spans="1:2" x14ac:dyDescent="0.35">
      <c r="A2" t="s">
        <v>0</v>
      </c>
      <c r="B2" t="s">
        <v>3748</v>
      </c>
    </row>
    <row r="3" spans="1:2" x14ac:dyDescent="0.35">
      <c r="A3" t="s">
        <v>1</v>
      </c>
      <c r="B3" t="s">
        <v>3749</v>
      </c>
    </row>
    <row r="4" spans="1:2" x14ac:dyDescent="0.35">
      <c r="A4" t="s">
        <v>2</v>
      </c>
      <c r="B4" t="s">
        <v>3750</v>
      </c>
    </row>
    <row r="5" spans="1:2" x14ac:dyDescent="0.35">
      <c r="A5" t="s">
        <v>3</v>
      </c>
      <c r="B5" t="s">
        <v>3751</v>
      </c>
    </row>
    <row r="6" spans="1:2" x14ac:dyDescent="0.35">
      <c r="A6" t="s">
        <v>4</v>
      </c>
      <c r="B6" t="s">
        <v>3752</v>
      </c>
    </row>
    <row r="7" spans="1:2" x14ac:dyDescent="0.35">
      <c r="A7" t="s">
        <v>5</v>
      </c>
      <c r="B7" t="s">
        <v>3753</v>
      </c>
    </row>
    <row r="8" spans="1:2" x14ac:dyDescent="0.35">
      <c r="A8" t="s">
        <v>6</v>
      </c>
      <c r="B8" t="s">
        <v>3754</v>
      </c>
    </row>
    <row r="9" spans="1:2" x14ac:dyDescent="0.35">
      <c r="A9" t="s">
        <v>7</v>
      </c>
      <c r="B9" t="s">
        <v>3755</v>
      </c>
    </row>
    <row r="10" spans="1:2" x14ac:dyDescent="0.35">
      <c r="A10" t="s">
        <v>8</v>
      </c>
      <c r="B10" t="s">
        <v>3756</v>
      </c>
    </row>
    <row r="11" spans="1:2" x14ac:dyDescent="0.35">
      <c r="A11" t="s">
        <v>9</v>
      </c>
      <c r="B11" t="s">
        <v>3757</v>
      </c>
    </row>
    <row r="12" spans="1:2" x14ac:dyDescent="0.35">
      <c r="A12" t="s">
        <v>10</v>
      </c>
      <c r="B12" t="s">
        <v>3758</v>
      </c>
    </row>
    <row r="13" spans="1:2" x14ac:dyDescent="0.35">
      <c r="A13" t="s">
        <v>11</v>
      </c>
      <c r="B13" t="s">
        <v>3759</v>
      </c>
    </row>
    <row r="14" spans="1:2" x14ac:dyDescent="0.35">
      <c r="A14" t="s">
        <v>12</v>
      </c>
      <c r="B14" t="s">
        <v>3760</v>
      </c>
    </row>
    <row r="15" spans="1:2" x14ac:dyDescent="0.35">
      <c r="A15" t="s">
        <v>13</v>
      </c>
      <c r="B15" t="s">
        <v>3761</v>
      </c>
    </row>
    <row r="16" spans="1:2" x14ac:dyDescent="0.35">
      <c r="A16" t="s">
        <v>14</v>
      </c>
      <c r="B16" t="s">
        <v>3762</v>
      </c>
    </row>
    <row r="17" spans="1:2" x14ac:dyDescent="0.35">
      <c r="A17" t="s">
        <v>15</v>
      </c>
      <c r="B17" t="s">
        <v>3763</v>
      </c>
    </row>
    <row r="18" spans="1:2" x14ac:dyDescent="0.35">
      <c r="A18" t="s">
        <v>16</v>
      </c>
      <c r="B18" t="s">
        <v>3764</v>
      </c>
    </row>
    <row r="19" spans="1:2" x14ac:dyDescent="0.35">
      <c r="A19" t="s">
        <v>17</v>
      </c>
      <c r="B19" t="s">
        <v>3765</v>
      </c>
    </row>
    <row r="20" spans="1:2" x14ac:dyDescent="0.35">
      <c r="A20" t="s">
        <v>18</v>
      </c>
      <c r="B20" t="s">
        <v>3766</v>
      </c>
    </row>
    <row r="21" spans="1:2" x14ac:dyDescent="0.35">
      <c r="A21" t="s">
        <v>19</v>
      </c>
      <c r="B21" t="s">
        <v>3767</v>
      </c>
    </row>
    <row r="22" spans="1:2" x14ac:dyDescent="0.35">
      <c r="A22" t="s">
        <v>20</v>
      </c>
      <c r="B22" t="s">
        <v>3768</v>
      </c>
    </row>
    <row r="23" spans="1:2" x14ac:dyDescent="0.35">
      <c r="A23" t="s">
        <v>21</v>
      </c>
      <c r="B23" t="s">
        <v>3769</v>
      </c>
    </row>
    <row r="24" spans="1:2" x14ac:dyDescent="0.35">
      <c r="A24" t="s">
        <v>22</v>
      </c>
      <c r="B24" t="s">
        <v>3770</v>
      </c>
    </row>
    <row r="25" spans="1:2" x14ac:dyDescent="0.35">
      <c r="A25" t="s">
        <v>23</v>
      </c>
      <c r="B25" t="s">
        <v>3771</v>
      </c>
    </row>
    <row r="26" spans="1:2" x14ac:dyDescent="0.35">
      <c r="A26" t="s">
        <v>24</v>
      </c>
      <c r="B26" t="s">
        <v>3772</v>
      </c>
    </row>
    <row r="27" spans="1:2" x14ac:dyDescent="0.35">
      <c r="A27" t="s">
        <v>25</v>
      </c>
      <c r="B27" t="s">
        <v>3773</v>
      </c>
    </row>
    <row r="28" spans="1:2" x14ac:dyDescent="0.35">
      <c r="A28" t="s">
        <v>26</v>
      </c>
      <c r="B28" t="s">
        <v>3774</v>
      </c>
    </row>
    <row r="29" spans="1:2" x14ac:dyDescent="0.35">
      <c r="A29" t="s">
        <v>27</v>
      </c>
      <c r="B29" t="s">
        <v>3775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Contracts data</vt:lpstr>
      <vt:lpstr>Column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s156924</cp:lastModifiedBy>
  <dcterms:created xsi:type="dcterms:W3CDTF">2021-10-09T10:54:08Z</dcterms:created>
  <dcterms:modified xsi:type="dcterms:W3CDTF">2021-10-09T11:21:09Z</dcterms:modified>
</cp:coreProperties>
</file>